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CC3D1A2" w14:textId="4B01BB18" w:rsidR="00C60539" w:rsidRPr="00F02E07" w:rsidRDefault="00D0197B" w:rsidP="000B05AF">
      <w:pPr>
        <w:rPr>
          <w:b/>
          <w:bCs/>
          <w:color w:val="auto"/>
          <w:sz w:val="24"/>
          <w:szCs w:val="24"/>
        </w:rPr>
      </w:pPr>
      <w:r w:rsidRPr="00F02E07">
        <w:rPr>
          <w:b/>
          <w:bCs/>
          <w:color w:val="auto"/>
          <w:sz w:val="24"/>
          <w:szCs w:val="24"/>
        </w:rPr>
        <w:t>Subsidieregister 2024</w:t>
      </w:r>
    </w:p>
    <w:p w14:paraId="6AA776CF" w14:textId="77777777" w:rsidR="00D0197B" w:rsidRPr="00F02E07" w:rsidRDefault="00D0197B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58"/>
        <w:gridCol w:w="1120"/>
        <w:gridCol w:w="2546"/>
        <w:gridCol w:w="7"/>
        <w:gridCol w:w="211"/>
        <w:gridCol w:w="7"/>
        <w:gridCol w:w="1171"/>
        <w:gridCol w:w="7"/>
        <w:gridCol w:w="3198"/>
        <w:gridCol w:w="3315"/>
        <w:gridCol w:w="1020"/>
      </w:tblGrid>
      <w:tr w:rsidR="001A5767" w:rsidRPr="001A5767" w14:paraId="23C82EDB" w14:textId="77777777" w:rsidTr="008E40A0">
        <w:trPr>
          <w:trHeight w:val="540"/>
        </w:trPr>
        <w:tc>
          <w:tcPr>
            <w:tcW w:w="16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31CC274" w14:textId="77777777" w:rsidR="001A5767" w:rsidRPr="001A5767" w:rsidRDefault="001A5767" w:rsidP="001A5767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15CD885" w14:textId="77777777" w:rsidR="001A5767" w:rsidRPr="001A5767" w:rsidRDefault="001A5767" w:rsidP="001A5767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53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1EB543D" w14:textId="77777777" w:rsidR="001A5767" w:rsidRPr="001A5767" w:rsidRDefault="001A5767" w:rsidP="001A5767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4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7C0B6D8A" w14:textId="77777777" w:rsidR="001A5767" w:rsidRPr="001A5767" w:rsidRDefault="001A5767" w:rsidP="001A5767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19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D764EFA" w14:textId="77777777" w:rsidR="001A5767" w:rsidRPr="001A5767" w:rsidRDefault="001A5767" w:rsidP="001A5767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4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EC0B2CD" w14:textId="77777777" w:rsidR="001A5767" w:rsidRPr="001A5767" w:rsidRDefault="001A5767" w:rsidP="001A5767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1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1981E1D" w14:textId="77777777" w:rsidR="001A5767" w:rsidRPr="001A5767" w:rsidRDefault="001A5767" w:rsidP="001A5767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8E40A0" w:rsidRPr="001A5767" w14:paraId="2EFEDA2D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BA45C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3838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12A77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3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AEB24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LS Helmond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8FB37C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976DD0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76,1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5C97F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energiebesparende maatregelen voor ondernemer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3E723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B0642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43C05668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04B80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526055 definitief 2023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15C46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6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1CA30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VO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5A6F47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FD34E7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.169,84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E361A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2708E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8E7F8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1B0C4F92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BFBC3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9932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A5053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12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C5EA6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VO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EBDEF3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901389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5.50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4A4BE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4ED4A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40EE8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613BE0EC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555E4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0149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0F3D4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12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AFE64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VO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E21FED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398DA4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1.50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FB8DC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7A731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9E1FE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3D5687DD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30BA6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753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6C57F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766D7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ccordeana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251B7C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03654C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88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51C39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C94D6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AC12B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3043AD46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A7088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31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FEAAF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F2692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Aloysius St.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nd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eugdz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.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BB7D9D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2C4E64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00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C82AF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25415C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495B6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60BA4768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5B14C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4264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38BF3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0C0E7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Aloysius St.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nd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eugdz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.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99416F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41E7DC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3.834,36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68AC8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AE929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39F6B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1FC9739D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524FD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297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CD32D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1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2405C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Alzheimer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ed.Afd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Z-O Braban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8FE421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3A38EF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.55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A6F4E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0D1D3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270A7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19A5B181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65159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0871088 / 50952160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FA2D9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10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B44E6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rthis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kinderopvang B.V.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E31918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A7B68A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7.247,68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129A3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B2C76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99C19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0667F265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9752F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255512 / 5142467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55C06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10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C38CA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rthis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kinderopvang B.V.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8F8D7D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7C0FEA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6.217,92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7B7D8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8C08F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4028B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36A4F79B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CAB95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4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356F0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F2899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tH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79511F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DFF03A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006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0FA85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B96E6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CCBE1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33CE883C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BBD63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576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14EA5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6E216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vanti Helmond Turnvereniging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3056A6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CFCB69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BB346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D5C87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78AE9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4E76FADE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4D342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283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D755AC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FE919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vanti Helmond Turnvereniging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923E2C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BF2051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689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47963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5AD78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0B598C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7C87B3F3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82FA8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808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D1F96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593DD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admintonclub Con Brio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0A5D95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8EB018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85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06875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833A1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599A7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1CD20C45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0F609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49091 / 51302577 / 519606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FA8A9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3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A423D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Basis Bibliotheek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ommeldal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B00C10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FA3164" w14:textId="77777777" w:rsidR="001A5767" w:rsidRPr="00FF16AD" w:rsidRDefault="001A5767" w:rsidP="001A5767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3.341,62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4588D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A087B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82390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52A5A703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2D874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ABDBA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16713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asisschool De Korenaar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E02BCE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169782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519,24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BF0DA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7C693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DCFB6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450A7CED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04FCF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68CE7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C5A36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asisschool De Lind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1B00D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FBD7CC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197,15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92A6F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1B52B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4187F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1273E8A6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677AA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D8F10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A327E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asisschool De Vendelier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93FAA8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7CF6FF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561,49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1C703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092D0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10E02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0321693B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B0EFC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239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EBD6C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9C35B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Basketball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rt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/ Black Shot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AC56CA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E5D480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666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16152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37680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9E474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62A66100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CEA86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08823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1FDC4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7-2022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5169C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CO Venlo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552D72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158675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0.991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D3F77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C97C9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BD064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77B6C944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E4385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11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51EDF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1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231BC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CO Venlo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4EEB06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F3832B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32.015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FBD13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96784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9156AC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6C077D89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542C2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283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2F27D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18421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heersstg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ultifunct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. Centrum Stiphou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3AD38A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639B57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.75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4B1A5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3D7AB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9A219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510883D3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67EF3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842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52351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CC11F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Belangencollectief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rcktheide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7DA23A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974962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46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E734E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E4746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51828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0CEF78AB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B6243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5124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99629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3-1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69508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langenver.Wijkr.Brouwhuis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A42C13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FBAFC7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.325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9339B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1AD65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9D707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640C5693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F4F4E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2100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638E3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53C77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ibliotheek Helmond-Pee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41736B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9B875C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561.208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A4D60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B46D5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D37A6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4A8A5122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62416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4613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74243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11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9E78B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ibliotheek Helmond-Pee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089245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444272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6.323,3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B600A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430BE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2DBBC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767136D4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575EE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451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E02CF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5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2ACFC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ibliotheek Helmond-Pee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1721EB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125F39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4.385,08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DC05B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D5239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C2277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1F635716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51561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8404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6123A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6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A1690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ibliotheek Helmond-Pee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347F82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07E79B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5.416,26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4CED5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39054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8B7DB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00CDFC2A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10ACE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5209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C5DF7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1A2E3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ibliotheek Helmond-Pee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06B11D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97A771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.00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FF611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3C43F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080C5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2D1EC129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4F7E3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529947 / 51553253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AA159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2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0A3E5C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ibliotheek Helmond-Pee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D070B7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4EB47B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.00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6EC8F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21B14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9AFE6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70416C99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E5128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857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043CE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A03EE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ibliotheek Helmond-Pee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99B1D5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C11CCD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7.836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7A8C9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6F2A9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C2624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394F3BC9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F020D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49486 / 51960661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29C515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5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7A87B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ibliotheek Helmond-Pee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7B4CC6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122DE2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.472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77263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021A9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C21FE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550C89F3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B5577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E8B0E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D7EE8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ibliotheek Helmond-Pee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5E7867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1F5F7F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.991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9F6F2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788AFB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78882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3AC985FE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150F2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69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F46B19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BD5C9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weerkapel Helmond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D95399D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CFF714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52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46993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7018A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6FE5A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4ED93DD4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262AB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1686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41158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1-2024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E3C996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Bridgeclub 't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outse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lem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7B96EC2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DAFE8F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64BE5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E6FC5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6AEB8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760AB2EE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25CDEC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572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59C3C1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B7A80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ouwhuis Doorzie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EB67B2C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A02446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0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9C4A60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DE2084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92210C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1A5767" w14:paraId="3E4EC2B5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7F521E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857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7E13E8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3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CE57EF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uurtver</w:t>
            </w:r>
            <w:proofErr w:type="spellEnd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</w:t>
            </w:r>
            <w:proofErr w:type="spellStart"/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wapoelers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01075EA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888938" w14:textId="77777777" w:rsidR="001A5767" w:rsidRPr="001A5767" w:rsidRDefault="001A5767" w:rsidP="001A5767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72,00</w:t>
            </w:r>
          </w:p>
        </w:tc>
        <w:tc>
          <w:tcPr>
            <w:tcW w:w="319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0502E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4C7443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151837" w14:textId="77777777" w:rsidR="001A5767" w:rsidRPr="001A5767" w:rsidRDefault="001A5767" w:rsidP="001A5767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A5767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343301D2" w14:textId="77777777" w:rsidTr="008E40A0">
        <w:trPr>
          <w:trHeight w:val="540"/>
        </w:trPr>
        <w:tc>
          <w:tcPr>
            <w:tcW w:w="16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6BC5BCC" w14:textId="77777777" w:rsidR="008E40A0" w:rsidRPr="008E40A0" w:rsidRDefault="008E40A0" w:rsidP="008E40A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31A58DC" w14:textId="77777777" w:rsidR="008E40A0" w:rsidRPr="008E40A0" w:rsidRDefault="008E40A0" w:rsidP="008E40A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4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4CFA8CB" w14:textId="77777777" w:rsidR="008E40A0" w:rsidRPr="008E40A0" w:rsidRDefault="008E40A0" w:rsidP="008E40A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4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4D8B486B" w14:textId="77777777" w:rsidR="008E40A0" w:rsidRPr="008E40A0" w:rsidRDefault="008E40A0" w:rsidP="008E40A0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02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3660516" w14:textId="77777777" w:rsidR="008E40A0" w:rsidRPr="008E40A0" w:rsidRDefault="008E40A0" w:rsidP="008E40A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BDE237D" w14:textId="77777777" w:rsidR="008E40A0" w:rsidRPr="008E40A0" w:rsidRDefault="008E40A0" w:rsidP="008E40A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4044E0D" w14:textId="77777777" w:rsidR="008E40A0" w:rsidRPr="008E40A0" w:rsidRDefault="008E40A0" w:rsidP="008E40A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8E40A0" w:rsidRPr="008E40A0" w14:paraId="11FDEC25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D9988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443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BC3DB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987FC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Buurtver.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heynspark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A6BD21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675E13" w14:textId="77777777" w:rsidR="008E40A0" w:rsidRPr="008E40A0" w:rsidRDefault="008E40A0" w:rsidP="008E40A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1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90CEB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56940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7992B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23135518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58F85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894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3D1F7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3-5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EBFE1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uurtvereniging Apostelwijk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880134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711B03" w14:textId="77777777" w:rsidR="008E40A0" w:rsidRPr="008E40A0" w:rsidRDefault="008E40A0" w:rsidP="008E40A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25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25F1B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B7F3F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16504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2BABABFD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B4395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257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0853E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86F56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uurtvereniging Apostelwijk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E81EE6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A49C4C" w14:textId="77777777" w:rsidR="008E40A0" w:rsidRPr="008E40A0" w:rsidRDefault="008E40A0" w:rsidP="008E40A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163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0CDB2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3FAB2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95BE2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601F4D1C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F1E4F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3294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EAED8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3-5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A7BE5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uurtvereniging Leonardu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A3E0F6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E2EA85" w14:textId="77777777" w:rsidR="008E40A0" w:rsidRPr="008E40A0" w:rsidRDefault="008E40A0" w:rsidP="008E40A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4BB7F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DCB1A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974AD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6174C85B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DE02C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298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1CD9A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9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D64A8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uurtvereniging Leonardu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7F546A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A43DF2" w14:textId="77777777" w:rsidR="008E40A0" w:rsidRPr="008E40A0" w:rsidRDefault="008E40A0" w:rsidP="008E40A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E95F7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00C11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FD175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06B4B519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3738E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55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8EDAB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68C44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uurtvereniging Leonardu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63E4A3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B297FE" w14:textId="77777777" w:rsidR="008E40A0" w:rsidRPr="008E40A0" w:rsidRDefault="008E40A0" w:rsidP="008E40A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2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7DCDF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52EBF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3288B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5C734A21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942BE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4995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6593D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4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E46A4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Coöperatie Koepel zorgcoöperaties Zuid Nederland U.A.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4CF00B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5B1FCF" w14:textId="77777777" w:rsidR="008E40A0" w:rsidRPr="008E40A0" w:rsidRDefault="008E40A0" w:rsidP="008E40A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5.177,5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E00BE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36B17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42A2F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7D4CF8DD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EFB0C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632146 / 51714802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5C8AA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1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3FAE1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Cultuurcontac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20578A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F2542B" w14:textId="77777777" w:rsidR="008E40A0" w:rsidRPr="008E40A0" w:rsidRDefault="008E40A0" w:rsidP="008E40A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.7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93C3A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C487F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A133C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656A9D72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F43BB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32146 / 51714802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A4790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1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C40AA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Cultuurcontac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BD9DEA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4027D5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1.7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44C47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31B18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74FF1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31BA81B4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270FE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42259 / 51209722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9AFE6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1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1F2A5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Cultuurcontac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2A8DCF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30FB5F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9.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281B9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B8476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98246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5E68816E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0EA5E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42259 / 51209722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FEEAF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1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88654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Cultuurcontac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4A288C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65D2F1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9.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5A5E8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E998B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939FD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35FC9309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3A2FF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685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4E790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-11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8710F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aisy Roef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EA379E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884B0A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7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B39A5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35086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8FF02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376C0292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A180B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6081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D381B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11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22FFE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aisy Roef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9C0E96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C73178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C197A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E3609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FE78C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0F21E54C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AB6F2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009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D5373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B4FED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De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Croyse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Ridder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CA17C9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355159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46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7E886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44367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EADCB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10B7555D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664A6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660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4161A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-11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4C36C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e Meent Groep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2DD8A5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10172C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51.237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55D35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99A11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C5220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3DF099A5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529D0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60453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4BC64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e Rank Chr. Basisschoo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02DC0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BFB589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014,69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A41D1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FBD5E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4A497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26EEBA30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4312E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583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38F81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9271D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e Rank Chr. Basisschoo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325CC6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1E4A1A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0.0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0DAF5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0DA6F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CAB78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42F1BAE5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69939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0625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50AF2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10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5C18B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e Rank Chr. Basisschool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22D5BD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28CE72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3.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84E3F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2AAB5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FBE0F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3343D16E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9BBD5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BB2D1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BC87B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De Toermalijn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bo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AF6D9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0B37B4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346,69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64E10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19FEC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509A7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7A261D94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C633E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860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C17DE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07089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e Torenrakker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E1594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29E8A2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58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CE566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D5BF8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217F8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46DE2015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49B82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5394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2B17C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3BCBB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it is Helmond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F02FB9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7A3D47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65.0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8D7E7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39ABD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8246A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2A59E7E1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81992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935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DE1B2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C39B4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V X-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erience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228C7E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8A1CAB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23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7AC2F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960DF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A38CB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3383B9A3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215A6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96994 subsidie 2024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96466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4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1802F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EDAH Museum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C356E0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CAEF43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31.94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49CCC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410C2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7B76A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041D3EA2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757B7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96994 subsidie 2023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0DF7C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4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E7FAB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EDAH Museum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98B164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E17D2C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25.978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8BFEB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B7848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6404E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67BCC85C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F8741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035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8B5D4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85E6B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Ehbo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'Huis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AF12C0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342806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13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F0293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6A4EA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57C8B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5B540F57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5F591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05069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EAE31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2-2022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16A14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Ehbo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tiphou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935019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8A187B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8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D9E36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maatschappelijke ondersteuning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F4B8A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5CFC9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3F51745B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DD638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050693 correctie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vm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oekjaar 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412E7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2-2022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9FF93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Ehbo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tiphou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929CF4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02F959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88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24712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16746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7CA84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525DBD6F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E98D9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474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E8CA9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B0F7A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Ehbo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tiphou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D1A3BC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742746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8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13642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F5D6B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3B7E0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7CA0372E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3939B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06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672A7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D612E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Ehbo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'T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ou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29F9CF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560F3E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53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9390F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2E477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77E52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247D2DBD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71CA5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611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6C0B0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EEDCF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EHBO Vereniging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A9F9AA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FD48AB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16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D9AAF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801C8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D2F7E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6B6A48CC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5076D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EAEA8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33CBF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Eli Moran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dicio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7242F1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2FBBCE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98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44B31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9655D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68CC1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29F9D685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77AE0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9879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5BF60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9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F9EF7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Eli Moran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dicio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66567F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51B170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.0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10FF9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29041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8FAD58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00EF8A28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A7861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7615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CF9E5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5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FA007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European BMX Connecti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9F0AA0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B87FE1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563,11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0E955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83B95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6B282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04219E84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93BFE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012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36C50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32AD3F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Fanfare de Vooruitgang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A2D1E7B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F7314B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2.649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2AF790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68501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D64BA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7D111A27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CAE314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005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7647C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ACDBD5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Fanfare Unita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07A773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3C1D9F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9.118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492FC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BAEF63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7E79BD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4D4B0BDC" w14:textId="77777777" w:rsidTr="008E40A0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2549D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111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8ED11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1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F82F3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Fanfare Unitas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638B63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B21B6B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D2A962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B8F721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EDA7C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8E40A0" w:rsidRPr="008E40A0" w14:paraId="177A1344" w14:textId="77777777" w:rsidTr="008E40A0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12CD17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05204 / 51392066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52C0DA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7-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BD2856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ebr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d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rande</w:t>
            </w:r>
            <w:proofErr w:type="spellEnd"/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of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BC14D7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C5F9D2" w14:textId="77777777" w:rsidR="008E40A0" w:rsidRPr="00FF16AD" w:rsidRDefault="008E40A0" w:rsidP="008E40A0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.0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0D9F1E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energiebesparende maatregelen voor ondernemer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9E13B9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67782C" w14:textId="77777777" w:rsidR="008E40A0" w:rsidRPr="008E40A0" w:rsidRDefault="008E40A0" w:rsidP="008E40A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8E40A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1C575FF6" w14:textId="77777777" w:rsidR="001A5767" w:rsidRPr="00F02E07" w:rsidRDefault="001A5767" w:rsidP="000B05AF">
      <w:pPr>
        <w:rPr>
          <w:color w:val="auto"/>
        </w:rPr>
      </w:pPr>
    </w:p>
    <w:p w14:paraId="69BDEC29" w14:textId="77777777" w:rsidR="00367007" w:rsidRPr="00F02E07" w:rsidRDefault="00367007">
      <w:pPr>
        <w:spacing w:after="160" w:line="259" w:lineRule="auto"/>
        <w:rPr>
          <w:color w:val="auto"/>
        </w:rPr>
      </w:pPr>
      <w:r w:rsidRPr="00F02E07">
        <w:rPr>
          <w:color w:val="auto"/>
        </w:rPr>
        <w:br w:type="page"/>
      </w: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59"/>
        <w:gridCol w:w="1120"/>
        <w:gridCol w:w="2550"/>
        <w:gridCol w:w="218"/>
        <w:gridCol w:w="1178"/>
        <w:gridCol w:w="3200"/>
        <w:gridCol w:w="3315"/>
        <w:gridCol w:w="1020"/>
      </w:tblGrid>
      <w:tr w:rsidR="00F33B91" w:rsidRPr="00F014FC" w14:paraId="4FECBD29" w14:textId="77777777" w:rsidTr="00F33B91">
        <w:trPr>
          <w:trHeight w:val="540"/>
        </w:trPr>
        <w:tc>
          <w:tcPr>
            <w:tcW w:w="165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5C520B8" w14:textId="77777777" w:rsidR="00F014FC" w:rsidRPr="00F014FC" w:rsidRDefault="00F014FC" w:rsidP="00F014FC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684E617" w14:textId="77777777" w:rsidR="00F014FC" w:rsidRPr="00F014FC" w:rsidRDefault="00F014FC" w:rsidP="00F014FC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5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37C09D9" w14:textId="77777777" w:rsidR="00F014FC" w:rsidRPr="00F014FC" w:rsidRDefault="00F014FC" w:rsidP="00F014FC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2892AFA9" w14:textId="77777777" w:rsidR="00F014FC" w:rsidRPr="00F014FC" w:rsidRDefault="00F014FC" w:rsidP="00F014FC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E69BA77" w14:textId="77777777" w:rsidR="00F014FC" w:rsidRPr="00F014FC" w:rsidRDefault="00F014FC" w:rsidP="00F014FC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923396D" w14:textId="77777777" w:rsidR="00F014FC" w:rsidRPr="00F014FC" w:rsidRDefault="00F014FC" w:rsidP="00F014FC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75EEE67" w14:textId="77777777" w:rsidR="00F014FC" w:rsidRPr="00F014FC" w:rsidRDefault="00F014FC" w:rsidP="00F014FC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F014FC" w:rsidRPr="00F014FC" w14:paraId="35928AAB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219C4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782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74DCC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45C23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ehandicaptenoverleg Helmond Goh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138734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AA2BBB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.052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5C515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AA51F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179A9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21BCA420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DE869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1924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DEC2E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E7BC2F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emeente Ast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12B2D9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81D85F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0.118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56836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ijdelijke Impulsregeling Klimaatadaptatie verdeling Peelgemeenten (E44)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FC374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E05F8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5DE55FA1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F1178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1935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1F7E8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46435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emeente Deurn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191ED7F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  <w:bookmarkStart w:id="0" w:name="A"/>
            <w:bookmarkStart w:id="1" w:name="B"/>
            <w:bookmarkStart w:id="2" w:name="C"/>
            <w:bookmarkStart w:id="3" w:name="D"/>
            <w:bookmarkStart w:id="4" w:name="E"/>
            <w:bookmarkStart w:id="5" w:name="F"/>
            <w:bookmarkStart w:id="6" w:name="G"/>
            <w:bookmarkStart w:id="7" w:name="H"/>
            <w:bookmarkStart w:id="8" w:name="I"/>
            <w:bookmarkStart w:id="9" w:name="J"/>
            <w:bookmarkStart w:id="10" w:name="K"/>
            <w:bookmarkStart w:id="11" w:name="L"/>
            <w:bookmarkStart w:id="12" w:name="M"/>
            <w:bookmarkStart w:id="13" w:name="N"/>
            <w:bookmarkStart w:id="14" w:name="O"/>
            <w:bookmarkStart w:id="15" w:name="P"/>
            <w:bookmarkStart w:id="16" w:name="Q"/>
            <w:bookmarkStart w:id="17" w:name="R"/>
            <w:bookmarkStart w:id="18" w:name="S"/>
            <w:bookmarkStart w:id="19" w:name="T"/>
            <w:bookmarkStart w:id="20" w:name="U"/>
            <w:bookmarkStart w:id="21" w:name="V"/>
            <w:bookmarkStart w:id="22" w:name="W"/>
            <w:bookmarkStart w:id="23" w:name="X"/>
            <w:bookmarkStart w:id="24" w:name="Y"/>
            <w:bookmarkStart w:id="25" w:name="Z"/>
            <w:bookmarkEnd w:id="0"/>
            <w:bookmarkEnd w:id="1"/>
            <w:bookmarkEnd w:id="2"/>
            <w:bookmarkEnd w:id="3"/>
            <w:bookmarkEnd w:id="4"/>
            <w:bookmarkEnd w:id="5"/>
            <w:bookmarkEnd w:id="6"/>
            <w:bookmarkEnd w:id="7"/>
            <w:bookmarkEnd w:id="8"/>
            <w:bookmarkEnd w:id="9"/>
            <w:bookmarkEnd w:id="10"/>
            <w:bookmarkEnd w:id="11"/>
            <w:bookmarkEnd w:id="12"/>
            <w:bookmarkEnd w:id="13"/>
            <w:bookmarkEnd w:id="14"/>
            <w:bookmarkEnd w:id="15"/>
            <w:bookmarkEnd w:id="16"/>
            <w:bookmarkEnd w:id="17"/>
            <w:bookmarkEnd w:id="18"/>
            <w:bookmarkEnd w:id="19"/>
            <w:bookmarkEnd w:id="20"/>
            <w:bookmarkEnd w:id="21"/>
            <w:bookmarkEnd w:id="22"/>
            <w:bookmarkEnd w:id="23"/>
            <w:bookmarkEnd w:id="24"/>
            <w:bookmarkEnd w:id="25"/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50DDE7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.577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5DCCA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ijdelijke Impulsregeling Klimaatadaptatie verdeling Peelgemeenten (E44)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81AF9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39E3D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0249EE4E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927EC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1883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156EB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45D3BF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emeente Gemert-Bakel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4D9421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C96849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7.707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B2A2F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ijdelijke Impulsregeling Klimaatadaptatie verdeling Peelgemeenten (E44)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23C87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CE16B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2031DE5D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47E3E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1905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FFE0C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5F0F6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emeente Laarbeek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DDFC05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E260C2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7.411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A6D13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ijdelijke Impulsregeling Klimaatadaptatie verdeling Peelgemeenten (E44)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B3E8B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F2A85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1307C263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2C62D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2003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D794E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3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78963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emeente Somer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F26D70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14F439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.695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EA1B2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ijdelijke Impulsregeling Klimaatadaptatie verdeling Peelgemeenten (E44)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1F948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9213A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65710724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B8FA9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0218563 / 51876595 / 502675262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72A6F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5-2020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7CDE8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GD Brabant-Zuidoos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8709CF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422F47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8.43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1CB38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20EC5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1756F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0F0B68E6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2BEB1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000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E774C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6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76D2F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GD Brabant-Zuidoos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E878F0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866519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E11EF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6E9E8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C3CFE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6E56CF84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C3F7D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0939018 / 51340168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07434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3-3-2022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ADBF2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GZ  Oost-Braba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18B47B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4BC7D9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1.297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3E8D6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C44DE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EDD02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13CD61D6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63DE1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0075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4BB17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1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E3A99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GZ  Oost-Braba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3ED3EC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8D1720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43.082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BD1C7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FAB68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39786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2D9421B5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2F14B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604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3AF01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18CDD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ilde Sint Antonius Ab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09D68C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C9728F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112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3CB0B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5525D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9A7C0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4B4D6682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DDF37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068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D13C5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0402D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ymclub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.O.S.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5ECA40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5E734A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895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79E5A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6C169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ABF11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113D29E5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6270E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109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931CE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C9681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AC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9AA485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A513BC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174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F2DD1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19051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E40FC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48BF5821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7CF44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049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B5446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0EFF9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Harmonie en drumband </w:t>
            </w: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micitia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970E0B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6A56B4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.681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8CF90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3A5FE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7D089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7B41968E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A4CA9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9246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FC220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5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B30C7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Harmonie en drumband </w:t>
            </w: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micitia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DF2E0F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AE31FD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635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C075D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75F5D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6574E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53EB311F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39B5F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74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07235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E3B38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BC Phoenix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56BCDC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C18BC1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97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1B43C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03186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CB363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199CB2D4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C8500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B1CC6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FB019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althy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ister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2795E2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1DE144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.63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57AD7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A69E2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0EE61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66D6F518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853FA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57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E73B2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D48F4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Heemkundekring </w:t>
            </w: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t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B8936F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0D6C1B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.986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F9164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D7C2A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52A6D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1A7615E8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85911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3067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1B93A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10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FCD41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Heemkundekring </w:t>
            </w: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chele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 (CAM Tax-van Vliet)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C60A54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B1A6D5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59ED9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FD1DF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7256B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2AF5C9F3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33342F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873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65B85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5CD74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Helm. </w:t>
            </w: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d.brigade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</w:t>
            </w: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ddingsklos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3BBFFE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545E4F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818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B2FB6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637E4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EF434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684539BF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51351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0824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6F581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93AA9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 Kamerkoo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E05733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21327D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952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9A996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FC2D3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602A5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2F30C22D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C5550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8713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5C35C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9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86EDC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 Kamerkoo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5CBBC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9C2B31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275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31BA3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C27BE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18C45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09B26820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96155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70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BD47A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73A3F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 Muziek Corp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B663F0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8DCD62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.728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0D058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99556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6EDA1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2FA37007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51422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409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63CAA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62458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 Slavisch Koo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C1141C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162A72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69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670A2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FCDFC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224AF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6956414B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0D852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290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B9DD0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60D6F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 Vocaal Ensembl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423ACE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AC03FD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771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21C8F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28881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F9058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1D3E3808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13C2FF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8594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2C87E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1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67806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 Vocaal Ensembl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2B5486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A69917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317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4BD7C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A0DD2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5028E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6977D966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F8460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525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A33A1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F812A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e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Golfclub Overbru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CF0F83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6E7A57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48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58564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F22F8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15B96F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506B01AE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DC047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460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A4C82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9EBE4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e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Liederentafel 't Akkoordj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4F79D2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5429A5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785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CE885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52476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8B132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320D0ECD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2C5EB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06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3B02B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E373E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e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Mondharmonica Verenigin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7E24DD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D03028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.205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D4313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70FE2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D2B23F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080838F1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FDA83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015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2BF6D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AA59C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e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chaakclub (H.S.C.)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A43B4F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8210A4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C5442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D4B7E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9FFF0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0A0D579F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7D374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378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BDEAA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6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DF859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e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Zwemvereniging </w:t>
            </w: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utra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E15074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C47686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14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03BCC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6E372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46754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29CE7A17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E71EC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243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9515C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7170C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e</w:t>
            </w:r>
            <w:proofErr w:type="spellEnd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Zwemvereniging </w:t>
            </w:r>
            <w:proofErr w:type="spellStart"/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utra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601257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071A86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923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916DC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2D691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25BCF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0D401E73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2E869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836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EE3E9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E360A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ockeyclub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3FF929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A6FC54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.238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2ADDB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8855A1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49B20B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1F1BFDD8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DCDC1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0208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F38485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11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2F9E0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oreca Belangenver. Helmond Centrum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8CE903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7E883B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297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3D36DE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6ED12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5B356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267C340F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E60A02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1AAD9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8262E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oreca Belangenver. Helmond Centrum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6192B1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96A56F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55873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3208E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8D36C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1A717890" w14:textId="77777777" w:rsidTr="00F33B91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E5F84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5657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723A3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9-2024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30574D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oreca Belangenver. Helmond Centrum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0920077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288063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387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D247C8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18A5BC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4 Bestuur en organisatie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9B1496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014FC" w:rsidRPr="00F014FC" w14:paraId="4CAAEE7F" w14:textId="77777777" w:rsidTr="00F33B91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2AFD63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062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4786F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11C74A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T'35 Turnverenigin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E172AA4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CB975D" w14:textId="77777777" w:rsidR="00F014FC" w:rsidRPr="00F014FC" w:rsidRDefault="00F014FC" w:rsidP="00F014FC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.482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7AB70F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CD8010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B68F79" w14:textId="77777777" w:rsidR="00F014FC" w:rsidRPr="00F014FC" w:rsidRDefault="00F014FC" w:rsidP="00F014FC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014FC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6196A038" w14:textId="77777777" w:rsidTr="00F33B91">
        <w:trPr>
          <w:trHeight w:val="540"/>
        </w:trPr>
        <w:tc>
          <w:tcPr>
            <w:tcW w:w="16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B19DC53" w14:textId="77777777" w:rsidR="00F33B91" w:rsidRPr="00F33B91" w:rsidRDefault="00F33B91" w:rsidP="00F33B9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A264CEB" w14:textId="77777777" w:rsidR="00F33B91" w:rsidRPr="00F33B91" w:rsidRDefault="00F33B91" w:rsidP="00F33B9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48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A61BB73" w14:textId="77777777" w:rsidR="00F33B91" w:rsidRPr="00F33B91" w:rsidRDefault="00F33B91" w:rsidP="00F33B9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6260E9B7" w14:textId="77777777" w:rsidR="00F33B91" w:rsidRPr="00F33B91" w:rsidRDefault="00F33B91" w:rsidP="00F33B91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01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AF30180" w14:textId="77777777" w:rsidR="00F33B91" w:rsidRPr="00F33B91" w:rsidRDefault="00F33B91" w:rsidP="00F33B9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78D542F" w14:textId="77777777" w:rsidR="00F33B91" w:rsidRPr="00F33B91" w:rsidRDefault="00F33B91" w:rsidP="00F33B9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3E349E5" w14:textId="77777777" w:rsidR="00F33B91" w:rsidRPr="00F33B91" w:rsidRDefault="00F33B91" w:rsidP="00F33B9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F33B91" w:rsidRPr="00F33B91" w14:paraId="1D658046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8D6FD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855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09643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1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56D0F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umanitas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istrict Zui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B9BBA5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49A726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49.675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9E587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B38F4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8CD21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134A9846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F6B9D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9057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43969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7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F3F40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v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wift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9E5384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AC3104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.022,24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E135A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D4214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0DAA4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63EF6C49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C0828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019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5C71B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83A9A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v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wift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60FAD7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7F044E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331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D4E14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D247F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1EAD6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4561AA96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1A0FF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175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E2B88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3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CE694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VV Voetbalverenigin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EA9151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9B06D2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617C9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F629B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AC12F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48D5EC9C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DA103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356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ABD72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-4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69EB9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WC De Helmvaarder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77F62A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F7C0D7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AD9F5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C7B9E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32D9A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7EB27B21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E2F4F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28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DB73F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FD210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WC De Helmvaarder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CE8CFE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7C99E7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83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28E33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A2C7C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D7A3C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2150F9C6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2A948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9873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90DC7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2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67219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IM Dumpel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dieherdenking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B7F8B1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0711D3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438EC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C9ABA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4 Bestuur en organisatie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CA2DF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12644C87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8AF38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468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AC6CC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8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D63B7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IM Dumpel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dieherdenking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9B3A24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65BFDB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7E1FC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9612C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4 Bestuur en organisatie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5BFF7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60D8662C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D897C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146870 correctie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43AB1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8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07B6F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IM Dumpel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dieherdenking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2024C1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2DD097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A8209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F67AA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4 Bestuur en organisatie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CC049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66D7B148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D49FF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736784 / 51757300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09BBD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7-11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7823A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magination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wirl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BFBF9B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A77841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830,2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BD5E3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D3F63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986E9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02126B34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B8FED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124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16006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198DE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magination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wirl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566FDF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29CC1D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85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88572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83DB6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855B7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3AAEDD14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A7594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540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1797F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2C98B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validenbond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7EABB9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2B1194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5.935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4E3B6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4A843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BEED9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5558C662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642CD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883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1844F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1B697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Islamitische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Nederland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FA8CB2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855181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94BBA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EEA30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F1C68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3D5014E5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BF8C0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913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6C782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4A818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VN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558009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1AA36D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64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FC63E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90ECC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D79A8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4BC60987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3E65B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447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D1E79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4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AF57B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J van Odijk Buurtcamping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ierdonk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CC4CD9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10DA79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41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9A370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3D4CE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BAFE9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63F84D10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684C2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044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3D8C7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42A27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eugdschaakclub de Pioni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A5EDAD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FF15E6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974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F7C23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E2918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F5778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30AFAC95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B14DC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874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01D75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AEC45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eugdzeilver. Berkendonk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0B0715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F7ED31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94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53568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2C52A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6D004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33AFEC32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7CAA5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664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9FC01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7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9A2A0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inc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ost-Braba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B4BDE9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A7CEC2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2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B391E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F182A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2DB61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2B39D70B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05117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91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7B807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FAEE6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ongerenkoor Pabo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197C0B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C97B79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6.335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928F4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90353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57753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682AA5E0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FB7CD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0138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F2092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10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55A8A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ongerenkoor Pabo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F3320A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794DCF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35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AAEA8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F4C95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DDB9B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5FC8E9BF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2A810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447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A3DC2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41A75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udovereniging Mierlo-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ABED43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E0CAC7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41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D00AF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42457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6F602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5701AEF7" w14:textId="77777777" w:rsidTr="00F33B9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BC30F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25273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AF086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2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E2831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AAT-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inderovang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.V.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8CB756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64A473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6.068,98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059F0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B3964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9A0D6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20C3C1A5" w14:textId="77777777" w:rsidTr="00F33B9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A2258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915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877AA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79FA6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AAT-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inderovang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.V.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7889DD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1CC362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44.900,8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8064D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AA391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5D1A3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0A26322E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E88E9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3402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B3F54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D663C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amermuziekcyclus Theo Driess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9BE130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ED79B7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.556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6350D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20857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AE209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781BC1C3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5FCDF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2644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6CC8C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-6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60657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Kansrijk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921963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8DA6DC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4713B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CB825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53DB9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57DDBBEE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E53F7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776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C17CC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DB792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BO Bernadett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7C4089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896103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506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5BB51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3EF6B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8BAFA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01F1C6B5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7F90B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700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E0CFD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917C7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BO Brouwhui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5FA3A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167578" w14:textId="77777777" w:rsidR="00F33B91" w:rsidRPr="00FF16AD" w:rsidRDefault="00F33B91" w:rsidP="00F33B9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651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A545B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70AED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F01F6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43D52D3C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60ACC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439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D1096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62FE0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BO St. Lucia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4B90AB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DC1D8F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246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67017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B1131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355A4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3D7B3791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352FA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58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72509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4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89B34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BO Stip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8AF742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07A8FA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5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EA4A1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2A762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03AFC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6052FC76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0F7A1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058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CB719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D262C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BO Stip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0248F2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95F9EE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391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A2030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5B7FD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43E91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164CA97A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AC2FA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984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AE06D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4A58A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BO-Kring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C36D42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74E64F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B422E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AB558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FCE79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6FAA425B" w14:textId="77777777" w:rsidTr="00F33B9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0E743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256296 / 51424658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8CC24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2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064AB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KDV de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reboot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6DA41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3D4DD1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3.817,04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DF12A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DAA42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D9053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7C8C7BB0" w14:textId="77777777" w:rsidTr="00F33B9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C0976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9141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7DAF2E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B619F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KDV de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reboot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90E7FD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4BC2B5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4.419,2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7984E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EC622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7ED3B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6CC5128C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72089F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09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C1950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7E07A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eiebijters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tichtin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3F865A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60F5FC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9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C9AC7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EA756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A6A2E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1B34F7E0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65646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828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C940F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CD5DF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Ki-Aikidoschool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orii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F9B266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1CE428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18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69A8D9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7F704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0295A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0A887C4E" w14:textId="77777777" w:rsidTr="00F33B9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1600A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27130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24BE7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10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AAEDD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ids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illage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572FD1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6426BC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6.182,49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2EC9C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00663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5EDE7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1D5C234F" w14:textId="77777777" w:rsidTr="00F33B9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157B5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9151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29FC5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C19A5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ids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illage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F4B29E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92D656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6.368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35783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526B3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E7F98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5BF96130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C345D1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5A650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E1976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indcentrum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Vli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F7B160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09C850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186,44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568BD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407F38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5D4A53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0547B60C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126534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C12B8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B0616B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indcentrum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ierdonk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B960B4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3A9E19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554,52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CFE4A0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8282CD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E0C08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F33B91" w:rsidRPr="00F33B91" w14:paraId="24C5EA8B" w14:textId="77777777" w:rsidTr="00F33B9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1F8F27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C385C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EF6555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indcentrum</w:t>
            </w:r>
            <w:proofErr w:type="spellEnd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ozaiek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A0F191C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433FF5" w14:textId="77777777" w:rsidR="00F33B91" w:rsidRPr="00F33B91" w:rsidRDefault="00F33B91" w:rsidP="00F33B9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417,3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F96C5A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BE8412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DD9C66" w14:textId="77777777" w:rsidR="00F33B91" w:rsidRPr="00F33B91" w:rsidRDefault="00F33B91" w:rsidP="00F33B9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33B9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19A1A5DE" w14:textId="77777777" w:rsidR="007376C8" w:rsidRDefault="007376C8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59"/>
        <w:gridCol w:w="1120"/>
        <w:gridCol w:w="2550"/>
        <w:gridCol w:w="218"/>
        <w:gridCol w:w="1178"/>
        <w:gridCol w:w="3200"/>
        <w:gridCol w:w="3315"/>
        <w:gridCol w:w="1020"/>
      </w:tblGrid>
      <w:tr w:rsidR="003A4089" w:rsidRPr="003A4089" w14:paraId="2C059AD1" w14:textId="77777777" w:rsidTr="003A4089">
        <w:trPr>
          <w:trHeight w:val="540"/>
        </w:trPr>
        <w:tc>
          <w:tcPr>
            <w:tcW w:w="16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6BCFD57" w14:textId="77777777" w:rsidR="003A4089" w:rsidRPr="003A4089" w:rsidRDefault="003A4089" w:rsidP="003A4089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B4FE7DE" w14:textId="77777777" w:rsidR="003A4089" w:rsidRPr="003A4089" w:rsidRDefault="003A4089" w:rsidP="003A4089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6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37F13D4" w14:textId="77777777" w:rsidR="003A4089" w:rsidRPr="003A4089" w:rsidRDefault="003A4089" w:rsidP="003A4089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40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4D28803C" w14:textId="77777777" w:rsidR="003A4089" w:rsidRPr="003A4089" w:rsidRDefault="003A4089" w:rsidP="003A4089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5CC5DEF" w14:textId="77777777" w:rsidR="003A4089" w:rsidRPr="003A4089" w:rsidRDefault="003A4089" w:rsidP="003A4089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4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C3C4F06" w14:textId="77777777" w:rsidR="003A4089" w:rsidRPr="003A4089" w:rsidRDefault="003A4089" w:rsidP="003A4089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0B071AC" w14:textId="77777777" w:rsidR="003A4089" w:rsidRPr="003A4089" w:rsidRDefault="003A4089" w:rsidP="003A4089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3A4089" w:rsidRPr="003A4089" w14:paraId="54B57516" w14:textId="77777777" w:rsidTr="003A4089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111AC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218776 / 5168168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3CBF0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7A144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inderdagverblijf Villa Vrolijk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069281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32A4BD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.004,71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E69F9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85D8F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E09B5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1189FD89" w14:textId="77777777" w:rsidTr="003A4089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59A43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915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FD6F9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AE50F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inderdagverblijf Villa Vrolijk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C63EEA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C7C3AE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2.300,8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AAAE7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F41DA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21F39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2152441F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D02DE8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476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7E25E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7FE14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Koor </w:t>
            </w: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ruzhba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CF372D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8A2F9F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70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51CE7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6A6DB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FEFD9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35B65072" w14:textId="77777777" w:rsidTr="003A4089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0C25B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255763 / 5142466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0EB54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4CD3E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orein</w:t>
            </w:r>
            <w:proofErr w:type="spellEnd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Kinderplein bv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26B56B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E94FC3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36.195,51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A5E408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29B89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9B166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71B051DF" w14:textId="77777777" w:rsidTr="003A4089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38EAA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9142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8EC15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9B003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Korein</w:t>
            </w:r>
            <w:proofErr w:type="spellEnd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Kinderplein bv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063216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046E77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614.892,8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0E981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EE2B9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0AE2E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7865D491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41C58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57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44C80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B9AC0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KSH </w:t>
            </w: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hileutonia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D093DF8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9B1A34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7.10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48FED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64DED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C6819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0B4211B0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98BBA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4893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63F4F8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B9BF5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KSH </w:t>
            </w: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hileutonia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8ED253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B9C849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70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45646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2A5D2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44537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63C5C3DE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AD352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5922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DDC79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3E568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KSH </w:t>
            </w: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hileutonia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4895AC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6B9600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12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66497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1CBD9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A2D4A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03CB2D60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F7FF6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370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0CFD0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5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532E9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ger des Heil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C2F09C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981175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E2857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2685B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E4778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66296AB5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98647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35902 / 51844030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53D42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FD726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1A4AF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BA70BF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841DC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769B8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39742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101020AA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EF95A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1267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4D9AE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9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3BC12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E6E6C2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372234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23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27F42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CECFD8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084A1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13004585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C1E35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78802 / 51725896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3B425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6C02B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0B1899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F82E8A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9.993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1E1EF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9640A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3BCBA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080D2030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77CB3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4325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BBFD4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5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EFA59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CB173A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AF35B9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0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ACC27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AC206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64B1F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3CA4CC84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988CC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9742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5DA91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4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2D193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22C695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D1B75F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8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749B0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6BCAB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4B7A6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7DC74285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46B5D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5869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BB342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8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CB97D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D8D531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B8C151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DD09D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CFF0B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51CA3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15888F2E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4FDE6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857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13F97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55770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9C562F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72D335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11.051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1D6F8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4D18C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BCC96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43995276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E981E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9844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29122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A9FB1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9139A6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16EF21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0.227,48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E0A80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9B8CE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7A65A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20AE93EB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FD609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0562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6E837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B7A3D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415169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10947F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6.972.08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1D865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B8301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18E24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243DE37D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6D601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10285 / 52028424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0BEAE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9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409C7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8BFE35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8247F9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4.968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0FBF2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23F3C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4C329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11BB864B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4CE5F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5002881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1EE70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910D1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EV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5AF411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619348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36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5C0F4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C282E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2605D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00BE113D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1B95A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248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49208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71B45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iederentafel Helmond West op z'n Be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420F4A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578716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E6229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CA059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468DE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0AF27804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A807A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67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39ADB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CA1EF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otus verenging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7136F1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9941B0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3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79B43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043D9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BB6A8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5839BDA3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F2E30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576739 correctie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FD735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3FAA7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otus verenging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D7BCF2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C7EEC8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6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2024D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31BF5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8757A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5723E67B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2D03B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6422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F338D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D9BD38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umens</w:t>
            </w:r>
            <w:proofErr w:type="spellEnd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Groep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83CF11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F936C0" w14:textId="77777777" w:rsidR="003A4089" w:rsidRPr="00FF16AD" w:rsidRDefault="003A4089" w:rsidP="003A4089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B63D4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5A1C0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F2BC0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19AB00F0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4DCE4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62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EF729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0B6A1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Mannenkoor </w:t>
            </w: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ambardi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7F2A5E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D3D182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.01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19375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6D4A58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C9D2D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1F089011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4FC7C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983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B13B2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9-8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35F5D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Mannenkoor </w:t>
            </w: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ambardi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A243FC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B04C19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024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6456D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6538D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41B6A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78267565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8B918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181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5AA81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EFF94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nsouri</w:t>
            </w:r>
            <w:proofErr w:type="spellEnd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Gym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C3A56E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25CF43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.14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8D1F4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F5836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BF622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6DED39A2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72991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686C9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199C5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ontessorischool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B9083A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16D49E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128,13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E7610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831DA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15085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5C9F9A49" w14:textId="77777777" w:rsidTr="003A4089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C8E1C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758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89842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9F9A3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ontessorischool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0ED20D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122D5A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62AD9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AA3B4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B1FF6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5B4A5DA0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EEBF2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701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27424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27AB2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onumentenwerkgroep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CDD40D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0D8438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853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964BC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E71A9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F3FD5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72263F4C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F6A25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709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BF781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6EEDE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onumentenwerkgroep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CAAD30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6E67EA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38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957B0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9CF76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CD32E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5634299C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574B1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87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E843D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8049F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Mulo Baseball &amp; </w:t>
            </w: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oftball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0A1F95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E8824A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61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DAFD0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295BC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B2675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08849CEB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2D22C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4503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9D309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5D34E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. Ver. De Zonnebloem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7C3FA1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5DC1E2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49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E3D52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7592D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8EE8C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658DFFE6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84A48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027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A9DCD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-2025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89E43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5060AF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DEB962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9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7ACBC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E86FB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12212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7B0023A3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9EFFA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9280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C1C4F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-9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AE0CC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12CE7F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CCA981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8F967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8C98C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CDF36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61CCBCF5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64274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6113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4329B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A3BB9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360DB4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C95F48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5905E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434F7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4C9A6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58940ED6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79E4C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9149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4ACE6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DE42E2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B8815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45B027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83BD0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F8A9B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938CF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0A25EFAD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0A148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9628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C2C21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9C723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2D5EEF7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3D2483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AEAAEF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E0482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3DA66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243BE3F4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68780B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717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D220A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3C6F3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83F0F1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BF2478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E6DE0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E12CA8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7AE8A5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3C0DE074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A4C23C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2551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BC5349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5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D3E90A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A0167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8A1052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98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A0EBC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8166BE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4F44C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A4089" w:rsidRPr="003A4089" w14:paraId="6BA52DFA" w14:textId="77777777" w:rsidTr="003A4089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68A66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3919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C44BE0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9FD2D4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767CBA3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FBDDAC" w14:textId="77777777" w:rsidR="003A4089" w:rsidRPr="003A4089" w:rsidRDefault="003A4089" w:rsidP="003A4089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73BE76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5EB0C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B16CBD" w14:textId="77777777" w:rsidR="003A4089" w:rsidRPr="003A4089" w:rsidRDefault="003A4089" w:rsidP="003A4089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A4089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4123D107" w14:textId="77777777" w:rsidR="00F33B91" w:rsidRDefault="00F33B91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58"/>
        <w:gridCol w:w="1120"/>
        <w:gridCol w:w="2544"/>
        <w:gridCol w:w="8"/>
        <w:gridCol w:w="210"/>
        <w:gridCol w:w="8"/>
        <w:gridCol w:w="1170"/>
        <w:gridCol w:w="8"/>
        <w:gridCol w:w="3194"/>
        <w:gridCol w:w="6"/>
        <w:gridCol w:w="3314"/>
        <w:gridCol w:w="1020"/>
      </w:tblGrid>
      <w:tr w:rsidR="0035752A" w:rsidRPr="00B10AA3" w14:paraId="7A0E046E" w14:textId="77777777" w:rsidTr="0035752A">
        <w:trPr>
          <w:trHeight w:val="540"/>
        </w:trPr>
        <w:tc>
          <w:tcPr>
            <w:tcW w:w="16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28D2903" w14:textId="77777777" w:rsidR="00B10AA3" w:rsidRPr="00B10AA3" w:rsidRDefault="00B10AA3" w:rsidP="00B10AA3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C6B32D4" w14:textId="77777777" w:rsidR="00B10AA3" w:rsidRPr="00B10AA3" w:rsidRDefault="00B10AA3" w:rsidP="00B10AA3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44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789C794" w14:textId="77777777" w:rsidR="00B10AA3" w:rsidRPr="00B10AA3" w:rsidRDefault="00B10AA3" w:rsidP="00B10AA3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4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7BBA6D6D" w14:textId="77777777" w:rsidR="00B10AA3" w:rsidRPr="00B10AA3" w:rsidRDefault="00B10AA3" w:rsidP="00B10AA3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02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A04E7C2" w14:textId="77777777" w:rsidR="00B10AA3" w:rsidRPr="00B10AA3" w:rsidRDefault="00B10AA3" w:rsidP="00B10AA3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9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93BCC60" w14:textId="77777777" w:rsidR="00B10AA3" w:rsidRPr="00B10AA3" w:rsidRDefault="00B10AA3" w:rsidP="00B10AA3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61C62FB" w14:textId="77777777" w:rsidR="00B10AA3" w:rsidRPr="00B10AA3" w:rsidRDefault="00B10AA3" w:rsidP="00B10AA3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B10AA3" w:rsidRPr="00B10AA3" w14:paraId="7ADEF5E8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CCFA9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185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B5DB1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6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A35E6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5691C6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72E325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96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80F2D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F0C0E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252A9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76C6CB3F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8CC17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2270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E5BEC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12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D4B10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29775F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954F36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0C933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78CBE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33EAE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73B21D68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70265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975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7C04E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D5640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6AD39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43C4C9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E11BB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F0833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E678B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4C8DF261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1F149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324240 / 51588249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64ED3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EC6DE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5422A5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5F0E38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B1402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F7E34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D6E7F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1BF65375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98528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24240 / 51588249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A3A07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5107A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9A01BB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54FBCC" w14:textId="77777777" w:rsidR="00B10AA3" w:rsidRPr="00FF16AD" w:rsidRDefault="00B10AA3" w:rsidP="00B10AA3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4CAEA8" w14:textId="77777777" w:rsidR="00B10AA3" w:rsidRPr="00FF16AD" w:rsidRDefault="00B10AA3" w:rsidP="00B10AA3">
            <w:pPr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D52C1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0925A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54D5CCC0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EC768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3328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8C471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90886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CCE076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FFADFF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25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C301D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29F4F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A75E3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385BCAB1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1CD61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8405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4EF3B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9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E9BEB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746C55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0D0699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3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C308A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30C0A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5C48A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79DBB7EF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7BBF9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406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71F52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D67ED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CD7F6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9DAF8C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75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643D8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98B88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EB3EF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1F4912A3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2C581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8228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3C456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6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3F01D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436804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E30DB6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3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91DFB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3FB50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11006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6D39464F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5CB8E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977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2F416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4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ECD61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0DD5FA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AB982F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FA08F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37711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F9FBB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25559514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4B277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4572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35769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9-7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1261F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D44C03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8E80AD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75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EB5B5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1CFBE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F926E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6BBEB132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44E61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378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3C320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2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576A4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D94902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6A7BF7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225FC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C09C0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2F5AE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04AE6C65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A0B93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236086 / 52293150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EF063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CD660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FCF3D4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6DE159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125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6ADB0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61E1F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2626E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3230753D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810C5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380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C2976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364C2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514BEA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E1D206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42F81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35326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DB3FE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2234F380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0E6EA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5951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B850D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8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0317B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FB16A6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4B9742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575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F68E6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C1CD9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F8572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47250D3C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6E380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403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68967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-4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626F3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150516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4F31B6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75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32D89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AB67D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BBF7F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3E97533A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79815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6864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64294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9-11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90124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A1B3D2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062D6E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25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099F2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2AFB2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F2B1B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0CD99C22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60AAF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6803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8AB55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8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5BC9F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609A4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0C0FAE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25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C2574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9B538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E02AE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5D1B7423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47862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6597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F1D8F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6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1E277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5DC097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641E41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866,65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E97F6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onderhoud gemeentelijke monument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C9597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79721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1AD55255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43460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2733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E114F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7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EE0C9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465DF6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391D46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441,73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24B8E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onderhoud gemeentelijke monument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D5FCB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4C368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571A6812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C4469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7357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D411A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4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B5F97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231886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4BB137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360,18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DA48D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onderhoud gemeentelijke monument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2A6E3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D2768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1C0B5492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174F8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226043 / 52251696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52075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10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EF872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9204C5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1C89E7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.783,93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E351E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onderhoud gemeentelijke monument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C94BA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69205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2C075615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B8352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4963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DB603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10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0742C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A9883A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FECD6C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581,61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1B6D7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onderhoud gemeentelijke monumenten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43682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FEF4F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6C39DB06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7E34A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1023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B5C58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-5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6798F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D65371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FF6013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156FE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72B0D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F6B2E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2FA195BD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945B3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7941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7CCF9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2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3374B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411AA8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C80EA2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E60D8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A2DCF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0414D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0663994D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FA4E9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527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A7173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331AB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D95722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48B2BC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FDA04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F99BC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DAFE8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388F10D4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FCD60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5792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AC513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B58AE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F9F399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70C54B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4DC8F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240D0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1519E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29842513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85560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7992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43240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-4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CA5C0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538CAC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C7755A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EDE7B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DF588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5344D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65FCCB22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8F1C3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4641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3B8EA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DB85F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1B00A0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7DCDEB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51714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72D65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9631A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6CA6A1D2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09B8E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5189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07892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6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25741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9E33E7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DF55B6" w14:textId="77777777" w:rsidR="00B10AA3" w:rsidRPr="00FF16AD" w:rsidRDefault="00B10AA3" w:rsidP="00B10AA3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E7E6E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9135A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C53C4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151D4143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9AE54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750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5BD07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58DA4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8BB352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F30511" w14:textId="77777777" w:rsidR="00B10AA3" w:rsidRPr="00FF16AD" w:rsidRDefault="00B10AA3" w:rsidP="00B10AA3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16263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C5831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430B8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6800AA72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5D625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37425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9148A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9D850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D059E0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8C8B18" w14:textId="77777777" w:rsidR="00B10AA3" w:rsidRPr="00FF16AD" w:rsidRDefault="00B10AA3" w:rsidP="00B10AA3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C1110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B7166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E2631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711784A1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97B49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3741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F9367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AB531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09E72D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A97142" w14:textId="77777777" w:rsidR="00B10AA3" w:rsidRPr="00FF16AD" w:rsidRDefault="00B10AA3" w:rsidP="00B10AA3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6ADD2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B3D16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743B6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198776AD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4806C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9744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37F41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6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9C690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0770F3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903FC6" w14:textId="77777777" w:rsidR="00B10AA3" w:rsidRPr="00FF16AD" w:rsidRDefault="00B10AA3" w:rsidP="00B10AA3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EB53C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FA437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FA6F2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2E420408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E08B3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9746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49719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6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97286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2F52DD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EC5CB5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AD702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B497A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2ADBE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72FCCBCF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A170B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1136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6DCCB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7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54213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E8BEBF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E73AAB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C27BD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1629D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502087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7CD94080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23AC3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9046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91FED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EB321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6EC581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FD5B9A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B0019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39746B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33E4B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5F6E615C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8C656A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3256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1B512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-7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05F1A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C1395D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691A19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1B109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59479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1BCC0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625734DE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99F13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0123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C6DEC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5D93C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CFAC2B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0D7BC9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52D7E3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3101B2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1AE88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3EA6593C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9420D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374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BC72B5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894FB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9C4D229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BF5A32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F3E7D6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11D501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258684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10AA3" w:rsidRPr="00B10AA3" w14:paraId="23DB76B3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BA2020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3725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6F307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4-7-2024</w:t>
            </w:r>
          </w:p>
        </w:tc>
        <w:tc>
          <w:tcPr>
            <w:tcW w:w="254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A3DC1D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A4020EC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3BD626" w14:textId="77777777" w:rsidR="00B10AA3" w:rsidRPr="00B10AA3" w:rsidRDefault="00B10AA3" w:rsidP="00B10AA3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935688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9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6B7A5F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42559E" w14:textId="77777777" w:rsidR="00B10AA3" w:rsidRPr="00B10AA3" w:rsidRDefault="00B10AA3" w:rsidP="00B10AA3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10AA3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7EDA841D" w14:textId="77777777" w:rsidTr="0035752A">
        <w:trPr>
          <w:trHeight w:val="540"/>
        </w:trPr>
        <w:tc>
          <w:tcPr>
            <w:tcW w:w="16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460346D" w14:textId="77777777" w:rsidR="0035752A" w:rsidRPr="0035752A" w:rsidRDefault="0035752A" w:rsidP="0035752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9C81E14" w14:textId="77777777" w:rsidR="0035752A" w:rsidRPr="0035752A" w:rsidRDefault="0035752A" w:rsidP="0035752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52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D36AEFF" w14:textId="77777777" w:rsidR="0035752A" w:rsidRPr="0035752A" w:rsidRDefault="0035752A" w:rsidP="0035752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4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45E43C49" w14:textId="77777777" w:rsidR="0035752A" w:rsidRPr="0035752A" w:rsidRDefault="0035752A" w:rsidP="0035752A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00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FE99994" w14:textId="77777777" w:rsidR="0035752A" w:rsidRPr="0035752A" w:rsidRDefault="0035752A" w:rsidP="0035752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4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FB5B389" w14:textId="77777777" w:rsidR="0035752A" w:rsidRPr="0035752A" w:rsidRDefault="0035752A" w:rsidP="0035752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1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8B55069" w14:textId="77777777" w:rsidR="0035752A" w:rsidRPr="0035752A" w:rsidRDefault="0035752A" w:rsidP="0035752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35752A" w:rsidRPr="0035752A" w14:paraId="78F10AEB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0B40A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3781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BCF54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1B7D9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FAEC66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FF2E12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9746A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7E2D8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A5DBE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007CF47A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3CE4D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8050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22DAC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2ED3C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07EBBC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F69642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EF616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7991A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D6761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74BAC5DA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BB8E9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3050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59048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-7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0F88A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2FA782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E0A2A6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CC876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73771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ACDD8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478B6858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451F2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819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C9D93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4-5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9FD57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2CD546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2BDE43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FAB14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7054E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74EBE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7BE59407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2EC6D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936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9016C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C5B75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D184F1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9FEDB1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6E773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DF6F1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B67CF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45B2DB72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6CD17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7426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ADBFD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A5789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111133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1C4D86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D6EE4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7F5F5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79BF7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4FE73FA1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998C7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811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AF7CB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50422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F06016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706107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46FB2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1D9DB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388F8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0529201E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80DAA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5040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5035D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2E73E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421A6C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0736B9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CB0D4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CA48B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549D7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54BFCB0F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C1E29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639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1D629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-5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5CF2A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CD5034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EB66C6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D2ABA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10B52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01B66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5BDCD926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DDF46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458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F5500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0D1DF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943C11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53247D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AB8B6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10C16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D80FA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6D09A58B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83671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3742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16A07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17D20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E0F84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A0F249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7BD37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topspor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6BE96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E6BDB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7FCFBDD5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20B3F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5935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A3F48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8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E7A51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4B483D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31F8CA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2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222DA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Lokale aanpak isol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3D67E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C90BA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4498C137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B283D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8418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79E6A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-7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91F94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C13AD4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EBF40F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2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FEA6C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Lokale aanpak isol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52385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48B6C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7113FE7B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393B6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9494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A9229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9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A0762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AE0E58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D2F49D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2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FF132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Lokale aanpak isol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8FDE7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57819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60A0A839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16B97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9538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D5924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-7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58656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B38386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D8A29C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2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E2F05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Lokale aanpak isol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2A55B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27958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598E3751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626B6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8550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BFEA7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-7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92EE7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8D2077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746234" w14:textId="77777777" w:rsidR="0035752A" w:rsidRPr="0035752A" w:rsidRDefault="0035752A" w:rsidP="0035752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4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E82AC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Lokale aanpak isol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BEC00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D8D5C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0EC05565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ECFA3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85507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47D70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-7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106F6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D8F5A3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844545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.2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6253B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Lokale aanpak isol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33542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31060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76AA80B4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98AEE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860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7B8C8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9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CA9CA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tuurlijk persoo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8E8F12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779B37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2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8A5C1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Lokale aanpak isol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FC4A7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C12B6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46A9A69B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18707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402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9EDDB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6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ADA66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ederlandkampioenschap. Helmond 24 Romonesco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7D68CB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E168FB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0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851B8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7D182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14666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7431FB5C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6967B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0792163 / 51811423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BBD3E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11-2021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BD469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S Stations B.V.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74B055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18FB07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61.175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63114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9A096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66F0D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028CA760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84EC6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4789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6E58E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5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54765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.E.C. Korfbal Helmond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94C05A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828841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085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B1E74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01609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E3284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0261A411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FDCC3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45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904F9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4B12F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.E.C. Korfbal Helmond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D23CBA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4970EE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435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7E466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60E06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8E6FB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58125C34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DFE40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3D030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A9B30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OBS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246EA9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A1856F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416,99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88B51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98DF7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C0DE0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21B74E9F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68106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4B281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4F172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KC De Stroom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37667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61D6E3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495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7DBA8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689A0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EA4DC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180E7632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4FF69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5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B2D31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5A19C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mo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cholengroep  Helmond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C9D1A5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07D35E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0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44A89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04BB3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8E16D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73188E73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D911F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17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92F43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-11-2023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B0BB5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mo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cholengroep  Helmond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A0F3FF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158DEC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5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F24A2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12EB6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DE456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3875CD86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1DC76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780E3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C7271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Openbare Basisschool De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raap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43414B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0ABAFE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128,13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B4834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1E29D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38FE0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072F688D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5A610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48163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8A08D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Openbare Basisschool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'T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out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A80E78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40242D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422,97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B8BA4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CEE6E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7BD1E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315113E9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CAAB8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645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23771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9CA2C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uderenwerk Haverveld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D1D2B3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10D50B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66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C9FA0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8917F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690E2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29A74B3F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75A36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36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0A13A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A2110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vr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Zonnestee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749F1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095715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339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5E8CE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5076A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E58EE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4DE9919B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FE6CE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372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A3C80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3DC20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vr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Zonnesteen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2489E2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E8B090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781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CA4F1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4909D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0B207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57AFE6A1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83C45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05120 / 51410560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113AE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3-3-2023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0E0B0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 van der Horst lasservice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3C92A1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5F7597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.000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2EEA2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energiebesparende maatregelen voor ondernemer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DA0B9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FBCB3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3FF03D1F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2F8CD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05120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3A486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-4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F96C4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 van der Horst lasservice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6BB516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2EE16B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6,51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8A892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energiebesparende maatregelen voor ondernemers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BCA1B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94CFA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1CEB5BA4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65B23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624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72CDA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48929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COB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C2CFF5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4CFEA2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911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D145A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69BF0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D17111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6BF11330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275A7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7950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C6C12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EBDB6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olaris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nroerend goed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64D55D7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E2D4E5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0.225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0E537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A418C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5848E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0A337462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7A19C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298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3B3B7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64EDB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olaris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olleybalclub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B015DA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71A788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.101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34CF2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FC786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A3710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69D0C7BF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04837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248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34E22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D484F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Popkoor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new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ices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FE350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44143F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.404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C9872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52F44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7327F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70C618CC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8BCEB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4003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8624A3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1-2023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38591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Popkoor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new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ices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8BF3D1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989FB5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709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33CDA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66476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CE274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4D3DB6A3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B23EE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6739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24C478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8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91F640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Popkoor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new</w:t>
            </w:r>
            <w:proofErr w:type="spellEnd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ices</w:t>
            </w:r>
            <w:proofErr w:type="spellEnd"/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EA0DA1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DC0403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665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92EEE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E52CCE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F4967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198536C7" w14:textId="77777777" w:rsidTr="0035752A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946FC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034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90A94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BA613B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opsound BOOST!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130F1D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BBCA5C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799,00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4EF6CC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5EE5F9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A95095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35752A" w:rsidRPr="0035752A" w14:paraId="2A342922" w14:textId="77777777" w:rsidTr="0035752A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93312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30071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D29716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2</w:t>
            </w:r>
          </w:p>
        </w:tc>
        <w:tc>
          <w:tcPr>
            <w:tcW w:w="2552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FB1DFA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SZ Stap voor Stap</w:t>
            </w:r>
          </w:p>
        </w:tc>
        <w:tc>
          <w:tcPr>
            <w:tcW w:w="21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0B9EABF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6F5C94" w14:textId="77777777" w:rsidR="0035752A" w:rsidRPr="00FF16AD" w:rsidRDefault="0035752A" w:rsidP="0035752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86,74</w:t>
            </w:r>
          </w:p>
        </w:tc>
        <w:tc>
          <w:tcPr>
            <w:tcW w:w="32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3F86A4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1CF222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81D0CD" w14:textId="77777777" w:rsidR="0035752A" w:rsidRPr="0035752A" w:rsidRDefault="0035752A" w:rsidP="0035752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35752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193909D9" w14:textId="77777777" w:rsidR="00B10AA3" w:rsidRDefault="00B10AA3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60"/>
        <w:gridCol w:w="1120"/>
        <w:gridCol w:w="2551"/>
        <w:gridCol w:w="218"/>
        <w:gridCol w:w="1178"/>
        <w:gridCol w:w="3199"/>
        <w:gridCol w:w="3314"/>
        <w:gridCol w:w="1020"/>
      </w:tblGrid>
      <w:tr w:rsidR="00764DF6" w:rsidRPr="00D91BCA" w14:paraId="0AB4725C" w14:textId="77777777" w:rsidTr="00764DF6">
        <w:trPr>
          <w:trHeight w:val="540"/>
        </w:trPr>
        <w:tc>
          <w:tcPr>
            <w:tcW w:w="16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2BD96AA" w14:textId="77777777" w:rsidR="00D91BCA" w:rsidRPr="00D91BCA" w:rsidRDefault="00D91BCA" w:rsidP="00D91BC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E49DA6F" w14:textId="77777777" w:rsidR="00D91BCA" w:rsidRPr="00D91BCA" w:rsidRDefault="00D91BCA" w:rsidP="00D91BC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52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24DDCFE" w14:textId="77777777" w:rsidR="00D91BCA" w:rsidRPr="00D91BCA" w:rsidRDefault="00D91BCA" w:rsidP="00D91BC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3023E21A" w14:textId="77777777" w:rsidR="00D91BCA" w:rsidRPr="00D91BCA" w:rsidRDefault="00D91BCA" w:rsidP="00D91BCA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BA5D396" w14:textId="77777777" w:rsidR="00D91BCA" w:rsidRPr="00D91BCA" w:rsidRDefault="00D91BCA" w:rsidP="00D91BC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3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3B32105" w14:textId="77777777" w:rsidR="00D91BCA" w:rsidRPr="00D91BCA" w:rsidRDefault="00D91BCA" w:rsidP="00D91BC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1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A069CA7" w14:textId="77777777" w:rsidR="00D91BCA" w:rsidRPr="00D91BCA" w:rsidRDefault="00D91BCA" w:rsidP="00D91BC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D91BCA" w:rsidRPr="00D91BCA" w14:paraId="1558EDAA" w14:textId="77777777" w:rsidTr="00764DF6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93F60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9156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527D1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96336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SZ Stap voor Stap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A3DB70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A44B03" w14:textId="77777777" w:rsidR="00D91BCA" w:rsidRPr="00D91BCA" w:rsidRDefault="00D91BCA" w:rsidP="00D91BC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6.667,3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DE76A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7A9FD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53A7C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1FDAB761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A2613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740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780EE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E0E6A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VGE Ver. voor Senioren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1FC43C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C0A686" w14:textId="77777777" w:rsidR="00D91BCA" w:rsidRPr="00D91BCA" w:rsidRDefault="00D91BCA" w:rsidP="00D91BC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201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C120D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16DBB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F7A0A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031E6A3B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B9CB3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B5178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54722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Qliq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/ Vuurvogel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EAB3EE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98A80B" w14:textId="77777777" w:rsidR="00D91BCA" w:rsidRPr="00D91BCA" w:rsidRDefault="00D91BCA" w:rsidP="00D91BC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580,43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73612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63B12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8FC25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06BB5F38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DE13E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2346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AD77C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-10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D951D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 &amp; TC Buitenlus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3251CD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D12505" w14:textId="77777777" w:rsidR="00D91BCA" w:rsidRPr="00D91BCA" w:rsidRDefault="00D91BCA" w:rsidP="00D91BC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862FD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E560A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B8FC7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08091E19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409AF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23467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85FBB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-10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15F98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 &amp; TC Buitenlus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B12F21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DEE0E2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66073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30471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23087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7E6D60BD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D44D2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1219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A14B47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D1C8C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 &amp; TC Buitenlus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C100F9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32445B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753B9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7CC6E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E6A5A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5ED5322D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251CA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56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CA405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12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1215A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 &amp; TC Buitenlus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5D48FC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9D0B1A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BFD2A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01A50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245B7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1BA097E0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F2DBA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613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E1D12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21176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 &amp; TC Buitenlus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08B0B7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443158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854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25D7A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CE337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98953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64607C23" w14:textId="77777777" w:rsidTr="00764DF6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EF37D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134342 / 52279815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3D967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10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C2DE3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.K.S.V. Mierlo Hout inzake  Bouwrekenin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5D32B7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380F89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5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B8CC4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accommodaties, klein onderhoud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8224B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C6BD7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3E644049" w14:textId="77777777" w:rsidTr="00764DF6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87442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046449 correctie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vm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oekjaar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4F36A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2-2022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F1A43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ksv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Mierlo-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A3617F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414E58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1.082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675EF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B3BB4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250CA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1F504467" w14:textId="77777777" w:rsidTr="00764DF6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02F887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04644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051BE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2-2022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0B292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ksv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Mierlo-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235BF2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F28DFD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1.082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3DE87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maatschappelijke ondersteuning Helmond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0B267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CFA74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4A126BAD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5CEA7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1079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9B1F1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054D2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KSV Mierlo-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06D1B0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B175F6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4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07499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9EFCE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59C61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6E32DD56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B9B29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0122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048C5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89B94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ksv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Mierlo-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594DAE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9F16DA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2.533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3C8CD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F4510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D4439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6819D49A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621D6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369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0E1D3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84381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onin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iu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jitsu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A6904D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EBFD01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9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55F917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41A62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8FBB8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78916A0A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FDF86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974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2E725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E42F1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ood-Wit '62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BEE8E5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D89B44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982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C967D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A2027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457B2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39125DB3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9E05A7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390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4BD9F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F5D42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.C.C.D. Parkzich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BD822C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BADA86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7.21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5E234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7CBB3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26944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05C0A9F4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A17EF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573904 correctie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8F67A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890AF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.C.C.D. Parkzich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A75E17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57A6AA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43.605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A19B1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C7278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43668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119565B8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449A8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4445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E82EC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57D2B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amenw.verb.pas.onderwijs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B3CE1A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A9653D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73.131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9D970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B78E0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D196D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20941630" w14:textId="77777777" w:rsidTr="00764DF6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6BF79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48358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0755F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4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78EDD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amenwerkingsverband Helmond-Peella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648610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BE941E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5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452F8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3DCFD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5C78D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4274A67C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23F99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660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2BF57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75CD8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utsgilde St Catharina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25B477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D2086E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.561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9A607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74974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DBEF3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441F3BA4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23C1E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685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D2B97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2228C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outing Brouwhui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283419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7936BF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6.608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3609E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2634C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C2FAE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5804E6C2" w14:textId="77777777" w:rsidTr="00764DF6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3FDB5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10909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CF885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2-2022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AED16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couting Jan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aloys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tip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A4BED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3A87E4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25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7BEF6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maatschappelijke ondersteuning Helmond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9AFC8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D6DDB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3C701EAB" w14:textId="77777777" w:rsidTr="00764DF6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15978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109091 correctie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vm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oekjaar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6354A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2-2022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B3B4D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couting Jan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aloys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tip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C2D164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BBDBBB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.25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E99B8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FF866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D3A50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0ED581DE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55677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684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6EA51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C0E01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couting Jan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aloys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tip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8619FA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37C16F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5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04967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0D369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F3ECF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3CBF5642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E3CA7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015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DBD0A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E0C687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outing Leonardu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92CE86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DDB76C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5.104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D2A6E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5A426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B39DF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69A6C423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5CF9C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463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E7B61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4165E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couting Paulus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.O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/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ierdonk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BEFF95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3E041C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0.872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3056C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7ECBE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60C65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2A35A41A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BF513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541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9AED3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8C2397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couting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ijpelberg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C3E170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05F960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3.036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3CBA8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CDBBE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ADFFA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38E72E1B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E54BA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824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93B66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C8A55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ioren harmonie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27BEF5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99DCA9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02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B3032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8BEA9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B4A33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6F5ECDFC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E09EA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324240 / 51588249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32FBC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F2DBD7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ioren harmonie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CE87DF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34D1FB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5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6880F2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2799E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492D6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5399A325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111E0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820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B9E40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6EF46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iorenver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-Wes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BA3154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73C998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621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09715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4CBA2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8ECE9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43CC4B05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14A62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415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37B6C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6B02F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iorenver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t Anna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B5DE3C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F7EA30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66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E0035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EBDFA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F0612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3A4D3929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66D2A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0135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AC810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3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DF9987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iorenver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t Anna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711A6B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365A35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9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2F69E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FEF48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F698B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4C8177E9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96B8D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0273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3D7C2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-11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D1980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z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4C2EC1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E6E446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62.671,24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D02FB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C2601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EDDE9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6100B86A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E207E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747781 / 5041274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54FB3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-10-2021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3704F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z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C72FB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7F1757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6.341,17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AF287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B132F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FD8C6A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0770D1DE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AFA8B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07572 / 51252396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E8C8D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-4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6D3E2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z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6F6A03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6DE282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4.6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975E5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0BADA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13109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10F007A4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2FF70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857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24CF63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34EED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z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5BC95AF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C74F03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20.00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2F0A6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AF8D06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C21D6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080525E0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61C9A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50498 / 5130257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82433E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3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5A7C1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z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B582F2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1634CD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0.984,5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F46E7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3DDA50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ED132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6AB21516" w14:textId="77777777" w:rsidTr="00764DF6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8AC044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5326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FECBE5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3-202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E0C5D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enz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412A50C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526BF7" w14:textId="77777777" w:rsidR="00D91BCA" w:rsidRPr="00FF16AD" w:rsidRDefault="00D91BCA" w:rsidP="00D91BC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55.640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04D2D1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ijdelijke Impulsregeling Klimaatadaptatie verdeling Peelgemeenten (E44)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185C4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995DD8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D91BCA" w:rsidRPr="00D91BCA" w14:paraId="016627A7" w14:textId="77777777" w:rsidTr="00764DF6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DFE33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633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1D1A0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7CAFA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haile</w:t>
            </w:r>
            <w:proofErr w:type="spellEnd"/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Tennisverenigin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96C429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442E70" w14:textId="77777777" w:rsidR="00D91BCA" w:rsidRPr="00D91BCA" w:rsidRDefault="00D91BCA" w:rsidP="00D91BC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676,00</w:t>
            </w:r>
          </w:p>
        </w:tc>
        <w:tc>
          <w:tcPr>
            <w:tcW w:w="32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B681BD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9BFDA9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1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5F199B" w14:textId="77777777" w:rsidR="00D91BCA" w:rsidRPr="00D91BCA" w:rsidRDefault="00D91BCA" w:rsidP="00D91BC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D91BC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64DF6" w:rsidRPr="00E9648A" w14:paraId="66F7CF72" w14:textId="77777777" w:rsidTr="00764DF6">
        <w:trPr>
          <w:trHeight w:val="540"/>
        </w:trPr>
        <w:tc>
          <w:tcPr>
            <w:tcW w:w="165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8FB0645" w14:textId="77777777" w:rsidR="00E9648A" w:rsidRPr="00E9648A" w:rsidRDefault="00E9648A" w:rsidP="00E9648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12C6FB1" w14:textId="77777777" w:rsidR="00E9648A" w:rsidRPr="00E9648A" w:rsidRDefault="00E9648A" w:rsidP="00E9648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4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0C59EFD" w14:textId="77777777" w:rsidR="00E9648A" w:rsidRPr="00E9648A" w:rsidRDefault="00E9648A" w:rsidP="00E9648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0871008B" w14:textId="77777777" w:rsidR="00E9648A" w:rsidRPr="00E9648A" w:rsidRDefault="00E9648A" w:rsidP="00E9648A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01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22E838C" w14:textId="77777777" w:rsidR="00E9648A" w:rsidRPr="00E9648A" w:rsidRDefault="00E9648A" w:rsidP="00E9648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D7994C1" w14:textId="77777777" w:rsidR="00E9648A" w:rsidRPr="00E9648A" w:rsidRDefault="00E9648A" w:rsidP="00E9648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C4CBCE7" w14:textId="77777777" w:rsidR="00E9648A" w:rsidRPr="00E9648A" w:rsidRDefault="00E9648A" w:rsidP="00E9648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E9648A" w:rsidRPr="00E9648A" w14:paraId="5EB3550C" w14:textId="77777777" w:rsidTr="00764DF6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DE26F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05067 / 51411730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8A012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3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5A7E0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mart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pair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3A16BA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AB6D04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FF0000"/>
                <w:kern w:val="0"/>
                <w:sz w:val="14"/>
                <w:szCs w:val="14"/>
                <w:lang w:eastAsia="nl-NL"/>
                <w14:ligatures w14:val="none"/>
              </w:rPr>
              <w:t>-1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81DE6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energiebesparende maatregelen voor ondernemer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3F3A1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A36DA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318607E7" w14:textId="77777777" w:rsidTr="00764DF6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D2870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162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93C17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71872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peeltuin Kinderboerderij De Veldhoev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05A173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388598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2.559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6A0D6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912BE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4EA7B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2EA74972" w14:textId="77777777" w:rsidTr="00764DF6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EA07A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343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3375B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4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38D42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peeltuin St Leonardu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230167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D9B5F5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2647B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9A8E9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 / 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5D703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04275462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B9753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9973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D3119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9-10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57317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peeltuin St Leonardu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F125BA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530E4D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.361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588AC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CF951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971C5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76DB18B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DCE31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751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0162C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37D37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peeltuin St Leonardu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4B7A43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22B53A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7.182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8F729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2B38A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297B5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514BDF81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40DB6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407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2E5B0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1-1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662BF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portvereniging De Braak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CB1DDE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9AB6B7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0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60757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87B1D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BE944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6BDC160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CA450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2166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C736B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-12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8A2EF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portvereniging De Braak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939A88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023BBA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601,03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BA006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AE1AE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49EAB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2086EFB7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B04C6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161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6EEA2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1A780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portvereniging De Braak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27B302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F34E4A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.655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0F4BF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E246D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C415D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589C682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A6F6D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400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58EBF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60B2B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SO Mierlo 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DB46CA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B9CEB0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.742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3B057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4C68D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5DC63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28FBEEA5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91283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775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C1A32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9CAD5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 Antoniusgilde Stip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0B3AA5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9AB879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112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A3F73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50AD9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211A5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1D6C6E1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FEF99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9971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BA2B4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1A8A8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.Par.De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Goede Herd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14100B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C50B47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506,31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4E6F5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135B6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A6CB6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0A324682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9854A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F40C8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91F8C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.Par.De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Goede Herd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502B52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ED5DFB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440,31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3B4FD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727C9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21868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59FC3BA6" w14:textId="77777777" w:rsidTr="00764DF6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C7977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752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0A401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4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4A85D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.Par.De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Goede Herd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6FDFCE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DCC5D2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3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9DEC3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7B0B0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624BA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839821A" w14:textId="77777777" w:rsidTr="00764DF6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89392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78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63666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-3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5DB08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.Par.De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Goede Herde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449FCC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73B1BD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76902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840E3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213D4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528BE83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40CBB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2100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D485D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1EAED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. De Nederlandse Cacaofabriek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D25667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D985B9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540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EC12D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9D013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43FC0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5CD1E18B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2167E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24980 / 51270543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9AF6B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F8558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. De Nederlandse Cacaofabriek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7F5DD9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435AAD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33.289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FA70B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C4175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BF66A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7DC9CBE7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C6794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273BD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30411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. De Nederlandse Cacaofabriek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53CC9F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1E048B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6.75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A1183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2B006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BA292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6696FFA9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A05E1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400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469E4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31EDC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adshobbycentrum Het Bak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67C57D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42BDE1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25.487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7B345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947C2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6C7A2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07738344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DAD9E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462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E62EC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9DB3E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edelijk Helmonds Seniorenkoor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50A971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52BA1A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.785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BA372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E1FC5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99E85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2DE518AD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7F6E8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364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BF9B3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11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B3528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Adviesraad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oc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omei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B72811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CF9DC9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7.243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E4EB9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2F6D0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75951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08235DD5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F07AB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868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A09E7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EC08D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Armoedeplatform Ned.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21C9A4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57F5D4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7EA3E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629F3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8414E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0C328784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D35B6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0057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66E3B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3A1CF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eheer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Carat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aviljo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876594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4C6E1B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7.348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28F62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78D34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4DDD5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3AD02C05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858C2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2849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5D71C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E3BEE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oeremert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rouwhui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6209B2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ED408B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3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D20DB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6594E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0D3C5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37FE7B24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359CF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1375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D4D30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7-9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B09F1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oeremert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rouwhui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BD31BC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DC8704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3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347E5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E0B4C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847EB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B9D0A96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C6D83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115449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60878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7-2022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3CE51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food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C2D9E6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221FB2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5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26C06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B15B2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03F36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78D86AE0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ABEC7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344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9A7D9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5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D21D3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in Acti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CB6D83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92642A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024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198E7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7AC0E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46F95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014E4404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88FF5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843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B8C96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14617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in Acti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BEC10A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470119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9.324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020BA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85CAE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C5D37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4F6E05F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94016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7342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05BB5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F1849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uitengebeuren Mierlo-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5784DB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4AAD3E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3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E4E0E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945B9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8AF57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2906AA6F" w14:textId="77777777" w:rsidTr="00764DF6">
        <w:trPr>
          <w:trHeight w:val="36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0A5AB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732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467C1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2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1349E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uurtbeheer Helmond Wes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C06408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E6B503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0.827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BB395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928A6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D4712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EB0268D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C52B0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5852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11A3E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C9E3C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uurthuis St Anna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9353E9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AED7C8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9904F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5FAA55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16405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3E0DD20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C39EE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968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B2E54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1359F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uurthuis St Anna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47046E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5CFFC1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.028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CC884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94B44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D3FEC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44F7D5AF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8FD22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1572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7D8DC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6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B548A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entrummanageme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0B06F4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A9DD5E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6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9E528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D1477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B0213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5ABCDF13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CD811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3625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DDA25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A91DB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ultuur in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FE523C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9B967E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9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E90E8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DF381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76DB0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64B493ED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C6C5B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975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9B502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5E9FC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uhne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C23F38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415269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.495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0368F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DF08B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5D989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6B1EE2B2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9BE39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857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76A7F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168AA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Lage Beemd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7D2971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FB2672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3.983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FEBC20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841A39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EEED9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0AF67C6A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EBC34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49130 / 5130257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AF0A9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3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369C4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Lage Beemd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116EE1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B8EA6E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.827,81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066463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460F6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CA539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196E7851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0FA1D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692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C0527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6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28F3F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imboband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A23A51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8242B3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59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45757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B9198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15E13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6FAEB395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0A73C6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0681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083D2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200E2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ickensnight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CB3B4B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AE7947" w14:textId="77777777" w:rsidR="00E9648A" w:rsidRPr="00FF16AD" w:rsidRDefault="00E9648A" w:rsidP="00E9648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3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6F4D3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F3230F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94C0A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4E674CE7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2C45D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3992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7FA2A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1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904CF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owntown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motions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AE6821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189F31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9FEC8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429738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B00972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9648A" w:rsidRPr="00E9648A" w14:paraId="35040956" w14:textId="77777777" w:rsidTr="00764DF6">
        <w:trPr>
          <w:trHeight w:val="180"/>
        </w:trPr>
        <w:tc>
          <w:tcPr>
            <w:tcW w:w="165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FE28BC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96994 subsidie 2023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6DA6F1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4-2024</w:t>
            </w:r>
          </w:p>
        </w:tc>
        <w:tc>
          <w:tcPr>
            <w:tcW w:w="254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AA1BBA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raaiorgels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DF6A6E7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6DE12F" w14:textId="77777777" w:rsidR="00E9648A" w:rsidRPr="00E9648A" w:rsidRDefault="00E9648A" w:rsidP="00E9648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2.99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6485E4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71500D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18BC7E" w14:textId="77777777" w:rsidR="00E9648A" w:rsidRPr="00E9648A" w:rsidRDefault="00E9648A" w:rsidP="00E9648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9648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4814BE0D" w14:textId="77777777" w:rsidR="00D91BCA" w:rsidRDefault="00D91BCA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59"/>
        <w:gridCol w:w="1120"/>
        <w:gridCol w:w="2548"/>
        <w:gridCol w:w="218"/>
        <w:gridCol w:w="1178"/>
        <w:gridCol w:w="3201"/>
        <w:gridCol w:w="3316"/>
        <w:gridCol w:w="1020"/>
      </w:tblGrid>
      <w:tr w:rsidR="004C1E51" w:rsidRPr="00952ADA" w14:paraId="713335D5" w14:textId="77777777" w:rsidTr="004C1E51">
        <w:trPr>
          <w:trHeight w:val="540"/>
        </w:trPr>
        <w:tc>
          <w:tcPr>
            <w:tcW w:w="16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A9BFC9F" w14:textId="77777777" w:rsidR="00952ADA" w:rsidRPr="00952ADA" w:rsidRDefault="00952ADA" w:rsidP="00952AD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D373242" w14:textId="77777777" w:rsidR="00952ADA" w:rsidRPr="00952ADA" w:rsidRDefault="00952ADA" w:rsidP="00952AD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48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98FF2C2" w14:textId="77777777" w:rsidR="00952ADA" w:rsidRPr="00952ADA" w:rsidRDefault="00952ADA" w:rsidP="00952AD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1260BBB8" w14:textId="77777777" w:rsidR="00952ADA" w:rsidRPr="00952ADA" w:rsidRDefault="00952ADA" w:rsidP="00952ADA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01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40E4103" w14:textId="77777777" w:rsidR="00952ADA" w:rsidRPr="00952ADA" w:rsidRDefault="00952ADA" w:rsidP="00952AD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1E0C849" w14:textId="77777777" w:rsidR="00952ADA" w:rsidRPr="00952ADA" w:rsidRDefault="00952ADA" w:rsidP="00952AD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7707B33" w14:textId="77777777" w:rsidR="00952ADA" w:rsidRPr="00952ADA" w:rsidRDefault="00952ADA" w:rsidP="00952ADA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952ADA" w:rsidRPr="00952ADA" w14:paraId="4BF0A41C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A5123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96994 subsidie 2024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B84F6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4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CAD53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raaiorgels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862A50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61D5A8" w14:textId="77777777" w:rsidR="00952ADA" w:rsidRPr="00952ADA" w:rsidRDefault="00952ADA" w:rsidP="00952AD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5.97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4E7F4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747F6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48ABB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7A2DD41B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D4A01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599099 / 51257932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0E44A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4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6BD01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rakenbootfestival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E1C03D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CCFD84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4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268EB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3CD8B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51E79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4B2069CA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2F0A9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2543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B71E2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1-2025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0C6DF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uofietsen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9E3BEF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2153C8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.75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9801E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8D405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E9885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79CF6358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8751B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950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56791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70A6F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uofietsen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7C17D3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ED5EA6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2.929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5504F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AB1D9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9BF33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1D83354D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230E4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7858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E84B3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12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9A02A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Everytune Entertainme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865793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E73E8B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95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572A0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F2EAC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250D7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42CF2F24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A08A2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52315681 / 52200478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E03F4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2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E8431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val="en-US"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val="en-US" w:eastAsia="nl-NL"/>
                <w14:ligatures w14:val="none"/>
              </w:rPr>
              <w:t xml:space="preserve">Stg Food Tech Park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val="en-US" w:eastAsia="nl-NL"/>
                <w14:ligatures w14:val="none"/>
              </w:rPr>
              <w:t>Brainport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C636B7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1F0D25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0.358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483ED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A0E9B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33299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1C40946B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50552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057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DF107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8826B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Genootschap Lucas Gassel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340E5E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C0E96B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144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C79C8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CD3EE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F3564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6B739945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8A851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3631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1FBFD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1016F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2O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64CE1F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865BF6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9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82B6E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B04B4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45EBC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5CAAD30D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CBD3B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763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850F3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9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A633C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alloween Brouwhui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41D685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385535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297AF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5E3B3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130B7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47F26C1E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6F943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0763693 / 50358983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96749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0-2020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03F14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alve van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84B95E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C24416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3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BAEE4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544EB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5DC24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318E3190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2A845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686181 / 5125795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2364A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12-2022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D9483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alve van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EB42EE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778A30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4.762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FD377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45BCE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6BC5C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464C1896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1040D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1989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948F0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3F393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alve van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781AAC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813A95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9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B1390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E48AC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AD66C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12DDFF4F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5812E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0878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DADF2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B0632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arbour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Jazz Club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9D832E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264F38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3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B9D5C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4A591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4839C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13D8401F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98360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199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5D19C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8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B20D4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 25 sept.1944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6B53D6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0190FC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0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23C1A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C80C2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4 Bestuur en organisatie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87767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6D45116A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20A20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2918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F4CC4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8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4E4CB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rdenkingsmon.M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-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8E1B87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6D6938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6A5C9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6EDF2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72B98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52DA8BCD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BA07E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3674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CD286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94570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t Huis Onder de Regenboo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EDA9BC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97EA88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4.54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0D1BF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F724F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527EE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4E86AF4D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32204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5209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0DE1D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9EEED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ighTech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-de Peel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63CBAB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D3E2D0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4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B1015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8DD7F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A2619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37513E25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0007E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804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3BBDC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12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EB354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Industrieel Atrium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C66FBE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DA4EA4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9.726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07CA3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E645C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0F9EF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6CDC8C88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C9ECE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1517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9337F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-7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D78A0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Industrieel Atrium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8D5F87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A9DE99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CD66A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E8E58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BAF88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66B77F7E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08408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503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A0767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4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ECF9D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Islamitische Scholen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.EO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F395B5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71CEDA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5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196E8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B1985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2D378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0048136D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A2FBF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0184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A9CC0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4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04644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Islamitische Scholen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.EO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3880C2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470085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3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EBD98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055A3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6232E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1D044B42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1DFCF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6687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7E445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6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10465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Jaro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F688E0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1D11B0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6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3C456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408B8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3518C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04FD213E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C7E90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012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43D1B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D226D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Jeugdbelangen Mierlo-Ho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28BE2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13B2E9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4.5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C37F3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F35FE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B215D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31EB42AC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F1013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2877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C8ACE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9F113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Kerststad Event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364FE6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811D9F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9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5A32E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60A9F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64D92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2E76D673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699F5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120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12CB2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08B5B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val="en-US"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val="en-US" w:eastAsia="nl-NL"/>
                <w14:ligatures w14:val="none"/>
              </w:rPr>
              <w:t>stg Mierlo-Hout in Acti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93014C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9B0F41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999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A52A7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5A3E9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20054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694278F2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0DBE0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99719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404B5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96396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neutraal onderwijs Wilhelmina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125934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905A6B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4.506,31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E9A13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DAE65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C3814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18088878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26D00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08716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F2EE0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neutraal onderwijs Wilhelmina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2A2878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36A2C9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537,58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0FBC5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B9337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F7C33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06097803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68309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0543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1E131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D000B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neutraal onderwijs Wilhelmina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CB8941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16433A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1DA7C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B9DDA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7A047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2E04830D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4DC27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175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2A0BA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0CBC0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neutraal onderwijs Wilhelmina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19686F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C4F944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9.337,24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9B746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CC7C6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CEAE6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08113008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244BF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8337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82E5B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7-2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B3BD7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ndernemersfonds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B77DD6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75EFEB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14.15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81DE1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3107E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08AE3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24E6435A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6C5C8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77321 / 51367851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2674A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3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56A4D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ndernemersfonds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2FF2C2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4D3EF6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6.424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75540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26A47B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80E53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34A82462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B29B67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857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0091B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E3D8E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nderwijsgroep Oost-Brabant/Jan Van Braba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704D63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9A833F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0.79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A9F97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D4A54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D4395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4A663814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88876A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60661 / 5130257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BFAFB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3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C5FBB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nderwijsgroep Oost-Brabant/Jan Van Braba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577B3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1DF877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602,89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D1DC2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F68AD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3A5F4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3A644D79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8238D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34221 / 52034218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CABD2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C7A4D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nderwijsgroep Oost-Brabant/Jan Van Braba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60A8E0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F6E9BE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.816,4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722A5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D013D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96FC9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62C4A9BE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FCEC0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857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F7B6E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-12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30F7D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nis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elzij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0A0BBD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53CF26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1.384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3EB1A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3347F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5D7E5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5EC39E64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B0CB9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49427 / 51960661 / 51685770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7E68F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5-2024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8CDBA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nis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elzij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4D2E03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F1973E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4414D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E15F7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192C4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4780D1BA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A047E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350107 correctie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F45AFD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3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537A78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penbare Basisschol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E8E304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DECFBD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36.333,3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D44521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lgemene subsidieverordening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6CB0B3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C36ED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026DE220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FAA45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35010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7E5F7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3-2023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202560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penbare Basisschol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446BDF9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F2DB18" w14:textId="77777777" w:rsidR="00952ADA" w:rsidRPr="00FF16AD" w:rsidRDefault="00952ADA" w:rsidP="00952ADA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6.333,3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CBCED4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lgemene subsidieverordening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CA942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A3512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52ADA" w:rsidRPr="00952ADA" w14:paraId="0D7E7658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8890A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69723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217ABC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7-8-2021</w:t>
            </w:r>
          </w:p>
        </w:tc>
        <w:tc>
          <w:tcPr>
            <w:tcW w:w="254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6E4DA5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penbare Basisschol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3A59A7F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24AEAA" w14:textId="77777777" w:rsidR="00952ADA" w:rsidRPr="00952ADA" w:rsidRDefault="00952ADA" w:rsidP="00952ADA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1.000,00</w:t>
            </w:r>
          </w:p>
        </w:tc>
        <w:tc>
          <w:tcPr>
            <w:tcW w:w="320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4D6FE6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1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CA909E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1AC182" w14:textId="77777777" w:rsidR="00952ADA" w:rsidRPr="00952ADA" w:rsidRDefault="00952ADA" w:rsidP="00952ADA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52ADA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0FD40A3C" w14:textId="77777777" w:rsidTr="004C1E51">
        <w:trPr>
          <w:trHeight w:val="540"/>
        </w:trPr>
        <w:tc>
          <w:tcPr>
            <w:tcW w:w="16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182E8EC" w14:textId="77777777" w:rsidR="004C1E51" w:rsidRPr="004C1E51" w:rsidRDefault="004C1E51" w:rsidP="004C1E5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62E6E6A" w14:textId="77777777" w:rsidR="004C1E51" w:rsidRPr="004C1E51" w:rsidRDefault="004C1E51" w:rsidP="004C1E5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4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E4EB9B1" w14:textId="77777777" w:rsidR="004C1E51" w:rsidRPr="004C1E51" w:rsidRDefault="004C1E51" w:rsidP="004C1E5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96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1D368555" w14:textId="77777777" w:rsidR="004C1E51" w:rsidRPr="004C1E51" w:rsidRDefault="004C1E51" w:rsidP="004C1E51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02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FA5D309" w14:textId="77777777" w:rsidR="004C1E51" w:rsidRPr="004C1E51" w:rsidRDefault="004C1E51" w:rsidP="004C1E5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79DF336" w14:textId="77777777" w:rsidR="004C1E51" w:rsidRPr="004C1E51" w:rsidRDefault="004C1E51" w:rsidP="004C1E5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1882A84" w14:textId="77777777" w:rsidR="004C1E51" w:rsidRPr="004C1E51" w:rsidRDefault="004C1E51" w:rsidP="004C1E5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4C1E51" w:rsidRPr="004C1E51" w14:paraId="6B8F26E2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99521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4475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EE782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-10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84FE9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penbare Basisschol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C2788B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B4FEF2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9.554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A5466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89E77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82374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223C6D33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D39D9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52976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88397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penbare Basisschol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E126B2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A5324C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945,66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876EF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B7EB8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D30A3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13BF54E1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36095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1073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11BB0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4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3FF22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penbare Basisschol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A38A18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995ABD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8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3AD2F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BBFA1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760C3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3F4BB1DF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27E66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1073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BDB1E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5F2AF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penbare Basisschol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8FFE7C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6A760E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0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3FF7F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18826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4F10F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06D2C71E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F3981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79508 / 52079511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1DBF2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3A57F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penbare Basisschol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E4D65B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42EB61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.693,02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4CA4E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601D3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4ECB1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0FF46BAA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2D8A7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79514 / 52085048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26A6E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DE401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penbare Basisscholen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34E81F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DC83BA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.916,28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B6236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780B8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5F9C1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69CA3103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D3008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273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C8BFA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6CED0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abbert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4CE793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0D11FE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.05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77FD0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33323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1A375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5E40FDD0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C73E9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4970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B831E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8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5EE34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cholingsfonds Brabant Leer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641E06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4A9F84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0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D66B8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E845C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C9C96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52FE28CA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55FCA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857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C9DE8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6A5DF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oolbest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ar H Bernadette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h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5A3E22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2739E5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72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E4F69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D49DA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B0DC3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722BAC2A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6FA74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71E74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C1579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oolbest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ar H Bernadette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h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D4A37C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4B04A5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842,13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FDF3B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7AF7F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88763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49C318A8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78AA1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5556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21FE5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26014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oolbest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ar H Bernadette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h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40AEB5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F235FA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0D907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6BD42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B6115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1C82035A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95C2C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5557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5DBBF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4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008F4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oolbest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ar H Bernadette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h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385789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6F7AD2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7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C76E7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E6344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6FB51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08518F6A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C753A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3136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E23F0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99FE2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choolbest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ar H Bernadette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h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3B8515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149C3E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.409,89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BACE1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82155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79662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34130F63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F7788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5325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D699A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6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D226C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chuldhulp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726DBE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CF7341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3.8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8556E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6306D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0B930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66E7E307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421F2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969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B13C5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64EE2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chuldhulp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A116DD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AFADF1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142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B0D26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84FA8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8B2A7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1C8AF075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FD634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843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D7600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8CE62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couting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8675E8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A26FEE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2.65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ACE63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087CE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ACC19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1FEF9667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3779F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0878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4FD5A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C4FD8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interklaasstad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D3E056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62D3FC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9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6B4F1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C6692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BC7C0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3CC0917C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69B02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8400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98A87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8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84535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interklaasstad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07F317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9882F0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E3DE3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D0EA8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C305C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7F979B42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9A09C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542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75046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-11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37EF9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Slachtofferhulp NL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AEE4DF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31D0B9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7.06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213AC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D98C0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DE0CA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711B2D52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2C2F3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7949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1BE46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15859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pec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nd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.&amp; Expertise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1B3446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540CFE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.658,04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834EF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7A38D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E396C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6564BDF6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A6A07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070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66006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2ADBE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't Literair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cafe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8429D8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A347B8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.36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0356B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2210B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E7B70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6D9208A8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D8785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8D394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DB684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The Works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73C65E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1F11C8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FA19F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C22F2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97EDF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1EC55DFB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62F7A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49109 / 51836952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C3038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3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6C222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Theo Driessen Instituu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867C5D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1D39BE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5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3D252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C7688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025D6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78446ECE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B336C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0828395 / 5199406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4A67C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2-2022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7B5F0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riathlon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raba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EF9A2C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E68337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0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447D1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7ED5D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DE328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4E58AC2A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5BBCE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5858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6B1C0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1EE2E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riathlon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raba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1F29D5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8AF716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7.5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35D0B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9518D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E7669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5114D4F0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D1AF4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87743 / 51658581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3D555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FEABD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riathlon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raba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5131F6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A8E3D9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7.5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39DA7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7EF0E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EBC5E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5310E978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39CBB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49CF4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A0AFE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Urban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tterz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88A03A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BB989B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9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DA31D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B72CE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414C1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6F8185A2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D975A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21949 / 51971735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82CE4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4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30280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Urban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tterz</w:t>
            </w:r>
            <w:proofErr w:type="spellEnd"/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E7C4AC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4E14B5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7.5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7D17D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08031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6AB3D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275DE442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F08BD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7936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3197D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2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9AD9B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.Bonden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verle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19E12D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44F2FC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918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2A683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ECE86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9DDE1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54312EF6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0A91E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919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8BB07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FDC0D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.Bonden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verleg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EDCACE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E148B3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.108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AEB26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FED5D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5D667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1B51E4E6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E368A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49521 / 51993612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321AD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-4-2024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3BA97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eteranen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CE0A5B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41A6B6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4.5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A5502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00152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4 Bestuur en organisatie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382E3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333C86A4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C71B2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93480 / 51447296 / 51469364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68971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4-8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78CF2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eteranen Helmond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4AFF2CC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02379B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5.54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1BF15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05E9F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4 Bestuur en organisatie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ECDF3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2BDF8514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06220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58990 / 51773695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539E29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E7794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olwassen Informatie Pu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F23EE88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82C687" w14:textId="77777777" w:rsidR="004C1E51" w:rsidRPr="00FF16AD" w:rsidRDefault="004C1E51" w:rsidP="004C1E5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5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06EAD5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6BB34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C9EEE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20BC0C63" w14:textId="77777777" w:rsidTr="004C1E51">
        <w:trPr>
          <w:trHeight w:val="36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0107F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369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9BCA6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B021E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olwassen Informatie Pu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611E1D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124BD9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.000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F4B40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bewonersinitiatieven Helmond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AA3A9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97985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5815DFC8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33F014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94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8E1F5D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1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55DC12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olwassen Informatie Pu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BE87B9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DA8D5A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9.008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6D7756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87D637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31C9C1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4C1E51" w:rsidRPr="004C1E51" w14:paraId="6DCC3FC7" w14:textId="77777777" w:rsidTr="004C1E51">
        <w:trPr>
          <w:trHeight w:val="180"/>
        </w:trPr>
        <w:tc>
          <w:tcPr>
            <w:tcW w:w="1659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36E06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599439 / 51723925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4CE7EE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12-2023</w:t>
            </w:r>
          </w:p>
        </w:tc>
        <w:tc>
          <w:tcPr>
            <w:tcW w:w="254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6A54A0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olwassen Informatie Punt</w:t>
            </w:r>
          </w:p>
        </w:tc>
        <w:tc>
          <w:tcPr>
            <w:tcW w:w="218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D3D5CAF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78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198840" w14:textId="77777777" w:rsidR="004C1E51" w:rsidRPr="004C1E51" w:rsidRDefault="004C1E51" w:rsidP="004C1E5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.628,00</w:t>
            </w:r>
          </w:p>
        </w:tc>
        <w:tc>
          <w:tcPr>
            <w:tcW w:w="320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8D07EB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75A833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C2809A" w14:textId="77777777" w:rsidR="004C1E51" w:rsidRPr="004C1E51" w:rsidRDefault="004C1E51" w:rsidP="004C1E5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4C1E5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423362FC" w14:textId="77777777" w:rsidR="00952ADA" w:rsidRDefault="00952ADA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59"/>
        <w:gridCol w:w="1120"/>
        <w:gridCol w:w="2550"/>
        <w:gridCol w:w="218"/>
        <w:gridCol w:w="1178"/>
        <w:gridCol w:w="3201"/>
        <w:gridCol w:w="3315"/>
        <w:gridCol w:w="1019"/>
      </w:tblGrid>
      <w:tr w:rsidR="00E565D5" w:rsidRPr="00E565D5" w14:paraId="17737565" w14:textId="77777777" w:rsidTr="00E565D5">
        <w:trPr>
          <w:trHeight w:val="540"/>
        </w:trPr>
        <w:tc>
          <w:tcPr>
            <w:tcW w:w="16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71EE0E9" w14:textId="77777777" w:rsidR="00E565D5" w:rsidRPr="00E565D5" w:rsidRDefault="00E565D5" w:rsidP="00E565D5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6A73292" w14:textId="77777777" w:rsidR="00E565D5" w:rsidRPr="00E565D5" w:rsidRDefault="00E565D5" w:rsidP="00E565D5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6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74BE267" w14:textId="77777777" w:rsidR="00E565D5" w:rsidRPr="00E565D5" w:rsidRDefault="00E565D5" w:rsidP="00E565D5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40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653981AD" w14:textId="77777777" w:rsidR="00E565D5" w:rsidRPr="00E565D5" w:rsidRDefault="00E565D5" w:rsidP="00E565D5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A30B824" w14:textId="77777777" w:rsidR="00E565D5" w:rsidRPr="00E565D5" w:rsidRDefault="00E565D5" w:rsidP="00E565D5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4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6A15254D" w14:textId="77777777" w:rsidR="00E565D5" w:rsidRPr="00E565D5" w:rsidRDefault="00E565D5" w:rsidP="00E565D5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844EE36" w14:textId="77777777" w:rsidR="00E565D5" w:rsidRPr="00E565D5" w:rsidRDefault="00E565D5" w:rsidP="00E565D5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E565D5" w:rsidRPr="00E565D5" w14:paraId="39A54B1F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6B6D1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58990 / 51773695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46186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22EE9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olwassen Informatie Pun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62852D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FF44EB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FF0000"/>
                <w:kern w:val="0"/>
                <w:sz w:val="14"/>
                <w:szCs w:val="14"/>
                <w:lang w:eastAsia="nl-NL"/>
                <w14:ligatures w14:val="none"/>
              </w:rPr>
              <w:t>-13.628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03CF6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3868C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186345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743C6270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3FC42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1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5592A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E7826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rienden van het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obustellyorgel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F83A28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FF1CCF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.174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01368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94855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CD622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7472D1DD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9959D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17C64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1F38D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rije Scholen Peelland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h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/Palla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4D5354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6A9B99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036,1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E0012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98A3A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CA6AD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7D2340C0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E9F7D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57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D66E0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485B9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rije Scholen Peelland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h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/Palla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4EF51C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202A08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F97BB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0B798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42722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452F5B60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77F11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2724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6A175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0E3FB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ijkhuis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Westwijzer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AAF4AE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D8C699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47B725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49DEE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FA3E2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7844DE0B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D1395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736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923CD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34C35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ijkhuis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Westwijzer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536EC8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1BA2B3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3D695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FF374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F85E4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6528D66B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07448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5134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DDDF7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3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D2B6F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ijkraad Helmond Centrum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2C105C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08A0E6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.88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119B8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8778C2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307C9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1270ADE0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B6A2B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1243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8DD44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9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1644D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ijkraad Helmond-Noor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05B04A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CD743E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.60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F1741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009E0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BA76E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4E6CB37C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CB2D1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34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8C8B9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D4E6D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Zuiderbo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CA8BA0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F52B95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95BDD5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A071E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3E05A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47B83B35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2E7CA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2672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700B8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75ED4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Blaasfestijn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Centr.Helmond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11C134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1CA4B1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E71DF2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74D2A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C2801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42816986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C4461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C167B2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B4103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oeikes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DDF558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E077A1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.893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5A2AB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247B8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A4B35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3E969197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BA0DB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2184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AE50F2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6437C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oeikes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ABD458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2143A0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418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2C4D6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A35BF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0CC96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0F95A677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5C114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2406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10300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0E7452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. Gold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191657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EDC9C3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4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6227A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978FC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74816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599F7182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1FDD5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2100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7C27F2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15210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omeComputerMuseum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3A16A5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78EF5C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8363F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9F599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3BF12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4F8FA114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D26A3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7952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4249C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142F4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omeComputerMuseum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267940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A6E8CC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5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3DB78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B73CB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A2186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2FCC16DC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235EC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527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F88C7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32126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omeComputerMuseum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0F859B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96EE6A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38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453B0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F6C30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A3C51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7076E43E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95CF2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788151 / 51879061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393E8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2154D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. Meer Muziek in de Kla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9C120C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13A6F3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8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F8695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EEA0E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A0735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45DD3505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1F0B7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07D8A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0E70C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QliQ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rimair Onderwij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B08750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7F64DE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852,84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4D56C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0666E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A7AE7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0F601DBB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47CB3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4614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4C0B5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4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5C0D4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QliQ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rimair Onderwij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577371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8A1BD7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5AEBC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1542D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B1CF0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59F88BDD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614EC5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7899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17D27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4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F2765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QliQ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rimair Onderwij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5B320F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04FF59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34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C4BBB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62592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025EB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3C392CDD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1A810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113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D4473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BD4E9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QliQ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rimair Onderwij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17BE9F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CC7C88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.120,98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D23D4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85BEC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F3FCE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76295714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7AEE0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7951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0B6BC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3258E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QliQ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rimair Onderwij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A8A7FA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50C1D3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.916,64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289B6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DEEA3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CCA02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291907DF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FE82B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8490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E9886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230D7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.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QliQ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Primair Onderwij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DC9837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C4AE9A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.968,14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6B279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DB411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5D231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2C2529A4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4FC51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252384 / 51424591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47C27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FD20C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. Spring Kinderopvang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FDF7DA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E4908A" w14:textId="77777777" w:rsidR="00E565D5" w:rsidRPr="00FF16AD" w:rsidRDefault="00E565D5" w:rsidP="00E565D5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37.332,57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89D74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155E4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CF3B5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59123BB8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BB3DA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9155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39685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65AE2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. Spring Kinderopvang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AD7A78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429BD8" w14:textId="77777777" w:rsidR="00E565D5" w:rsidRPr="00FF16AD" w:rsidRDefault="00E565D5" w:rsidP="00E565D5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618.421,9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6170F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3819E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46D97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1FC61292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89DB3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7495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AC5B05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2CC0F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Belangengroep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ijpelberg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4F25CCE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DF055B" w14:textId="77777777" w:rsidR="00E565D5" w:rsidRPr="00FF16AD" w:rsidRDefault="00E565D5" w:rsidP="00E565D5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2.57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DD489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362B6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2C264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4662F4DD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C3202B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416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B5BCC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18101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Belangengroep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ijpelberg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52ED8A4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39D696" w14:textId="77777777" w:rsidR="00E565D5" w:rsidRPr="00FF16AD" w:rsidRDefault="00E565D5" w:rsidP="00E565D5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4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E9E52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08C68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B5469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5B4C90FA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5897A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6386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BDD10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09F08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Energiehuis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IDEH/B Horste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B5E7C0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CA2AB0" w14:textId="77777777" w:rsidR="00E565D5" w:rsidRPr="00FF16AD" w:rsidRDefault="00E565D5" w:rsidP="00E565D5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2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D4503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bewonersinitiatiev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173E1C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B66BA5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56EDCF84" w14:textId="77777777" w:rsidTr="00E565D5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62A05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63865 loopt via factuur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AEC59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DECF0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Energiehuis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IDEH/B Horste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EB8261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9A1A31" w14:textId="77777777" w:rsidR="00E565D5" w:rsidRPr="00FF16AD" w:rsidRDefault="00E565D5" w:rsidP="00E565D5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2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EBC1D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bewonersinitiatiev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78082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DCCE93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41B77857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3EED4A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223722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A9C195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Helmond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ity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7744DB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D738FB" w14:textId="77777777" w:rsidR="00E565D5" w:rsidRPr="00FF16AD" w:rsidRDefault="00E565D5" w:rsidP="00E565D5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2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B1CFA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76E9D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F4D5B5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6CD3E9A1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90778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2880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471CC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29211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Helmond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ity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2E66A4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883594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7C5E69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3EAE58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B35BC2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E565D5" w:rsidRPr="00E565D5" w14:paraId="0F32D440" w14:textId="77777777" w:rsidTr="00E565D5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B6C29F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3630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550E6D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173C11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Helmond</w:t>
            </w:r>
            <w:proofErr w:type="spellEnd"/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ity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685B8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8C0D8D" w14:textId="77777777" w:rsidR="00E565D5" w:rsidRPr="00E565D5" w:rsidRDefault="00E565D5" w:rsidP="00E565D5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F0CD50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014FE7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632296" w14:textId="77777777" w:rsidR="00E565D5" w:rsidRPr="00E565D5" w:rsidRDefault="00E565D5" w:rsidP="00E565D5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E565D5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27725729" w14:textId="77777777" w:rsidR="004C1E51" w:rsidRDefault="004C1E51" w:rsidP="000B05AF">
      <w:pPr>
        <w:rPr>
          <w:color w:val="auto"/>
        </w:rPr>
      </w:pPr>
    </w:p>
    <w:p w14:paraId="07836C66" w14:textId="77777777" w:rsidR="00E565D5" w:rsidRDefault="00E565D5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59"/>
        <w:gridCol w:w="1120"/>
        <w:gridCol w:w="2548"/>
        <w:gridCol w:w="218"/>
        <w:gridCol w:w="1178"/>
        <w:gridCol w:w="3201"/>
        <w:gridCol w:w="3316"/>
        <w:gridCol w:w="1020"/>
      </w:tblGrid>
      <w:tr w:rsidR="00961841" w:rsidRPr="00961841" w14:paraId="21D2D700" w14:textId="77777777" w:rsidTr="00961841">
        <w:trPr>
          <w:trHeight w:val="540"/>
        </w:trPr>
        <w:tc>
          <w:tcPr>
            <w:tcW w:w="16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CF9456E" w14:textId="77777777" w:rsidR="00961841" w:rsidRPr="00961841" w:rsidRDefault="00961841" w:rsidP="0096184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1E957AB" w14:textId="77777777" w:rsidR="00961841" w:rsidRPr="00961841" w:rsidRDefault="00961841" w:rsidP="0096184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6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FD4F246" w14:textId="77777777" w:rsidR="00961841" w:rsidRPr="00961841" w:rsidRDefault="00961841" w:rsidP="0096184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40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775F0EEA" w14:textId="77777777" w:rsidR="00961841" w:rsidRPr="00961841" w:rsidRDefault="00961841" w:rsidP="00961841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4CC1CA6" w14:textId="77777777" w:rsidR="00961841" w:rsidRPr="00961841" w:rsidRDefault="00961841" w:rsidP="0096184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4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573C6AC" w14:textId="77777777" w:rsidR="00961841" w:rsidRPr="00961841" w:rsidRDefault="00961841" w:rsidP="0096184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599A16D" w14:textId="77777777" w:rsidR="00961841" w:rsidRPr="00961841" w:rsidRDefault="00961841" w:rsidP="00961841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961841" w:rsidRPr="00961841" w14:paraId="659FDE19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8ECCF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3634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5A729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EA76D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Helmond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ity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EDE500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B002CB" w14:textId="77777777" w:rsidR="00961841" w:rsidRPr="00961841" w:rsidRDefault="00961841" w:rsidP="0096184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67E3B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979F4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C6185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589485FA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185CE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3636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B081A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6BA47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Helmond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ity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090275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4124F8" w14:textId="77777777" w:rsidR="00961841" w:rsidRPr="00961841" w:rsidRDefault="00961841" w:rsidP="0096184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2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34101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592B1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D65C0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1F6CCD9C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E4AC1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3638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AA301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03BE5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Helmond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ity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1AAF81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FC38F5" w14:textId="77777777" w:rsidR="00961841" w:rsidRPr="00961841" w:rsidRDefault="00961841" w:rsidP="0096184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9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220E7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91773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977B9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631EBC4F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18A24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71470 / 51736305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16580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3B12E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Helmond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ity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150068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1712C8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6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383CC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815C8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C6F7D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2B28850B" w14:textId="77777777" w:rsidTr="00961841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2B0E4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77081 / 50358995 / 5762044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D04D2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0-2020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2CBF5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Helmond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ity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8B43A5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2F63D1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3.91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15099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1DB65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E891A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29015B6F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84B48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336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0DE44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5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FC283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Helmond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City Event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1A0132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0AE5ED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9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23A87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0392C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22040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0D89BAFC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1D718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51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99882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095C3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Samen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ijpelberg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Omarme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3249E1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D119CB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0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D740E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E10A8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5D8A2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62320305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D70D9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1388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3154F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954BF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Wijkraad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-Oos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D9114F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DDD1FF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5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CDF90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D86A9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7F3C1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14EC0F07" w14:textId="77777777" w:rsidTr="00961841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AAB28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7319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8FCB7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7DA00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.Wijkraad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-Oos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F71C3F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772814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1.63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49693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558C8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FC664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332A480B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094E9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5655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18E8E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5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AB849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g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ijkraad Stiphout-Warande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8096D5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B39092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BE0A3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9A4C9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787B9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15805D71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1A8EF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56555 / 52174800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EB395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5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03FE5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g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ijkraad Stiphout-Warande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8416F3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53F3B0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B8599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51C79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633F4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245E0EB5" w14:textId="77777777" w:rsidTr="00961841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8D842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9749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14A12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77BAF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gg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ijkraad Stiphout-Warande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E4CBFD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679B5A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1.83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BFB12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FBD66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5CC77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06747493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66F8B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6259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61535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8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C6DA9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in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ni </w:t>
            </w: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in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BBBBBB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1D9A3F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B34E4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CE1F0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8A373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31A44926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A8E51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632146 / 51714804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69C4A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AAFD7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Annatheat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4CA5ED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A49F05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4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75388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06E90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26F57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35FBFE02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970C0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B423A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C7CA3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Annatheat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3A50A5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89FF7A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9.29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1A9F5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5EE8E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18BC4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686828F5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4C632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0975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8398A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83B97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Annatheat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7028E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DD4796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024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10050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9DDEF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7EB81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500139C7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F8357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0977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27F6B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3188B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Annatheat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A56254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E0DE26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024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B72AF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F8842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F1882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5BB9E13A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12599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0978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02D41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8F239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Annatheat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E560CC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355130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024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7873E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0454F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3C69F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202EB65B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02464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83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4E4A2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7FEE3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Bedrijventerreinen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FE2C6B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ED40CD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8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DBE3C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BDDA9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781E4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2744F7A2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1680C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3899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56085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-4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8B9D9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Bedrijventerreinen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B2A9B5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95B2B1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3.85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F50D9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VVE Dagopva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1712C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391E1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27A672B4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DCC51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38968 / 51406747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80CE0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3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6CCCD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Bedrijventerreinen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7FC30E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ECAFA3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.417,5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1AD00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AAEE1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7CAA8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71D901CB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8B3AD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3124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5CD63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93F2B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Beh </w:t>
            </w: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Wijkacc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Zonnestee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5D27F5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6BFCED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D3058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873E5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6F81F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09379FDC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26C3A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31245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2BCD2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695C6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Beh </w:t>
            </w: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Wijkacc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Zonnestee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F0BC1F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1C66E4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A3FA9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D2455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B9AD3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728605B4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FC62D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812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6964A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46D5C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Beh </w:t>
            </w: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Wijkacc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Zonnestee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484D45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D3EB25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3.8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F0D1D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AF186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48AF9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4C180803" w14:textId="77777777" w:rsidTr="00961841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95CB4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8418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A3D9B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4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E48F3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Beheer Derden Gelden Hooglander Advocate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A57C28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CF2EDB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1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4551A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5AB2E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8D76E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2C1E2204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F8317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0733781 / 50410708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8F261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4-11-2020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B4CAC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Brainport Smart Distric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4D3CAE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1C942E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25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6D776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89E02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6984F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05B2EB15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0BAEB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8016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3ABCA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4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65585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De Buur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CFC035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18D761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0B759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ABC58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C690E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7600833B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F1385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91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0AD51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9DC6B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de Fonkel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1DE5CB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987FD9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43.91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6D82B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3CCA5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2B9BA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6847BD62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B7559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918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5C202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4A7A3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De </w:t>
            </w: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e</w:t>
            </w:r>
            <w:proofErr w:type="spellEnd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Musical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94082F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EC89BC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4.19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6CA28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A3D57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41B19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186F5D0F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39416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8592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8FD0D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4C4EB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De Zorgboog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875285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9A35C1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66.21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0CE8E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4FE42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F1484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38CF2FC5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51CCF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91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2FC76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01F82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fietsvierdaagse de Peel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994456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DF671E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591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83B58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D6D3E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8C2E0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7F5522E6" w14:textId="77777777" w:rsidTr="00961841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685A5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940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5F1AF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9A61B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Gemeenschapshuis voor Brouwhuis. (De Loop)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5A3066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39EA0D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71.24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D4AA9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A17A0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D4809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1C7BD53E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28C4E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707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15677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2F32D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Halt Utrech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CBF79C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B01FFD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5.311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C7EC1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B8737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32588C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0BF730E0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B0720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2680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1373D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4F341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lrun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F8EAA2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236D4A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9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24B42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1F46C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EA421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2E1255F8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1AA8C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1899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CA15B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AEE5A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Helmond Marketing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1ACA33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FE3843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7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C166E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94F8B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17688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3BE80D72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78CAC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505058 / 52170714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0843A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8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1763B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Industrieel Erfgoe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158158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3DC30B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.36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7033E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84A92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5B340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32BC4286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588FA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54903 / 51904258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8CC1B4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EFF8C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Industrieel Erfgoe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B278A7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F6C19B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9.43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6E25C2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AB642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2D525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7A956B3C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50D8A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170714 / 51505058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93A36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8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F09DA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Industrieel Erfgoe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ADC02F5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6A1FD7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4.161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541C5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D15B3A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A59D6E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39B63774" w14:textId="77777777" w:rsidTr="00961841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3FDAA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327923 / 51985366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B4FEA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9B3F43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Innovatiehuis de Peel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1D6D651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E8A741" w14:textId="77777777" w:rsidR="00961841" w:rsidRPr="00FF16AD" w:rsidRDefault="00961841" w:rsidP="00961841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8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6573E7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1C588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7D3DBD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961841" w:rsidRPr="00961841" w14:paraId="401EC989" w14:textId="77777777" w:rsidTr="00961841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7A3509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25554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515038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2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7F45C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stia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8A5413B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C44F05" w14:textId="77777777" w:rsidR="00961841" w:rsidRPr="00961841" w:rsidRDefault="00961841" w:rsidP="00961841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.33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1863D0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B9D2B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D694FF" w14:textId="77777777" w:rsidR="00961841" w:rsidRPr="00961841" w:rsidRDefault="00961841" w:rsidP="00961841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961841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1F5A0BA7" w14:textId="77777777" w:rsidR="00E565D5" w:rsidRDefault="00E565D5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59"/>
        <w:gridCol w:w="1120"/>
        <w:gridCol w:w="2546"/>
        <w:gridCol w:w="218"/>
        <w:gridCol w:w="1178"/>
        <w:gridCol w:w="3202"/>
        <w:gridCol w:w="3317"/>
        <w:gridCol w:w="1020"/>
      </w:tblGrid>
      <w:tr w:rsidR="00B0469D" w:rsidRPr="00B0469D" w14:paraId="34EB9C7C" w14:textId="77777777" w:rsidTr="00B0469D">
        <w:trPr>
          <w:trHeight w:val="540"/>
        </w:trPr>
        <w:tc>
          <w:tcPr>
            <w:tcW w:w="16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288E5B8" w14:textId="77777777" w:rsidR="00B0469D" w:rsidRPr="00B0469D" w:rsidRDefault="00B0469D" w:rsidP="00B0469D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8E19CC9" w14:textId="77777777" w:rsidR="00B0469D" w:rsidRPr="00B0469D" w:rsidRDefault="00B0469D" w:rsidP="00B0469D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6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24895CD" w14:textId="77777777" w:rsidR="00B0469D" w:rsidRPr="00B0469D" w:rsidRDefault="00B0469D" w:rsidP="00B0469D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40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05A79798" w14:textId="77777777" w:rsidR="00B0469D" w:rsidRPr="00B0469D" w:rsidRDefault="00B0469D" w:rsidP="00B0469D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96F4597" w14:textId="77777777" w:rsidR="00B0469D" w:rsidRPr="00B0469D" w:rsidRDefault="00B0469D" w:rsidP="00B0469D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4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CCD5B25" w14:textId="77777777" w:rsidR="00B0469D" w:rsidRPr="00B0469D" w:rsidRDefault="00B0469D" w:rsidP="00B0469D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D2E5124" w14:textId="77777777" w:rsidR="00B0469D" w:rsidRPr="00B0469D" w:rsidRDefault="00B0469D" w:rsidP="00B0469D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B0469D" w:rsidRPr="00B0469D" w14:paraId="4F8BCA4D" w14:textId="77777777" w:rsidTr="00B0469D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DF02A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9148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76D1E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5FA56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stia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C59E8B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0409A94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0.220,8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76F62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ubsidieregeling VVE-peuteropvang en voorschoolse educatie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CE46E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83EF9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393F2283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DCC04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561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C8D7C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0BD14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an Visser Museum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B6869B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AD1C14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1AE98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7DDE1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BD464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7C296A6C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1BBEF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84651 / 52203704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79556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9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CF3F0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eugdcoach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7B259E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306CCF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1.84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CAEBE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C911A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B70AE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55399015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E4A7C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13935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05183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12-2022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7DF1A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IBB+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EAC9C8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FF14AF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166,63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C9456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lgemene subsidieverordening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796E3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862B5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415014F1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59498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6946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676A7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-5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6CDCB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IBB+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55CC8E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950185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3.95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68017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0DFEC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F35D5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5F3B2F0F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40289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8320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61BD7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7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AE2FD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IBB+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56DE1A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76DDB8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.16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24C71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F5AE3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2A5CE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17CD56E4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89392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0920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634E5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9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C01A5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IBB+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FBE8BA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00C482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0.05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7FA19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6618B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CEBA4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6C3B8A7C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8B30A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21949 / 51971735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D78AD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4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F5DE6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IBB+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B60F04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EEA0BF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9987C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FA55E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BD4CE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09353D4D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3CB81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13935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6E82A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12-2022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96FAA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IBB+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01B15D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228B69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3.768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4B29F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95B50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4DE41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46903A4E" w14:textId="77777777" w:rsidTr="00B0469D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7D63C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139359 correctie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vm</w:t>
            </w:r>
            <w:proofErr w:type="spellEnd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oekjaar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68A01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12-2022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D3001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IBB+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0B7CC8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2EEE4D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4.166,63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78D8E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2653C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692A7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4C94EFF4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19990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832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10817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4305C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IBB+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14247F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CF9517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247.64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975C5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BE25E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C221B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78B22B0F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C6487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598325 correctie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D7F65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126F6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JIBB+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74794C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24A85C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815.473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5B9F2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F44FF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AC793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1AD05FBB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2ACB9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478338 / 51721009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D25F4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9D78A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Kunstkwarti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329E34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FFE685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785.97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3B2EB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7D123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3127C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34CDF728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F5394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478938 / 51721009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A29F3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C420E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Kunstkwarti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C2F492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1589EC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59043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0397E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E6942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2203FE95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8F777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35695 / 51721009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E8254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EB862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Kunstkwarti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085C90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7DE2FD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46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79EED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CC42E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30B7B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05C08CAC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4A689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282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9AED6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4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934B8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Kunstkwarti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6C49D0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CA1266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30DDF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C06A4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BB0BC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2EA14344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E143C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8964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F10F7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EB259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Kunstkwarti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40DF82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F507DF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9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3BAF7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C7E7B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12004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002AB408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9E464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209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FA923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C931F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Lambertus Kerkconcerte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58E714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9B8EA4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1.52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BBF16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2A109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CAF52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253FCD10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493D8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5492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C8F98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19370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Lambertus Kerkconcerte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05FC56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24E86C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8.69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F52F3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20D20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26455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32F9C5BC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AAB53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02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F6764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24CC0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ambertushof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B3E59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7C6CEF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4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6BEFC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DB89A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3CA10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27A08344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23886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655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33A4D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4891E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Lambertushof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011CF5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4C0B94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.49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6517D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505C3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EF4E6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375D9E2C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D88F4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384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FCC2B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C714B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Leergeld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C7189D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C1D824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1.61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8DD18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AB992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1E819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03CF975E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89D98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3842 correctie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6BA85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264C0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Leergeld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D3F7F6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06C071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51.61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11BA3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20CF7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C467D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1C49B62F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EEADD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528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8FEFE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F2CF0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Leergeld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1FDFBA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AC8FB5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048.81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1202A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FB6ED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D9241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3E0FAA89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DEF54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6384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74743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9B507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Leergeld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56C154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78B895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1.61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4DEEA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C9D4F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FCB09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360AB2FF" w14:textId="77777777" w:rsidTr="00B0469D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0E122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804039 / 51175504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DB277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-12-2022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864DE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Maatschappelijk Opvang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D67AE4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9589F9" w14:textId="77777777" w:rsidR="00B0469D" w:rsidRPr="00FF16AD" w:rsidRDefault="00B0469D" w:rsidP="00B0469D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73.41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DAE78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F015B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7E86E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4710E0C1" w14:textId="77777777" w:rsidTr="00B0469D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381C15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600701 / 51774643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E4201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B0169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Maatschappelijk Opvang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B6002A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52083F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055.54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133B6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DB4C3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08AE3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2BACB4AD" w14:textId="77777777" w:rsidTr="00B0469D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8B255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600701 / 51774690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24D45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F32E7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Maatschappelijk Opvang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D4AD77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398FBB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3.491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4BD10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9FAA9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5FB4E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138525A9" w14:textId="77777777" w:rsidTr="00B0469D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9C1CC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600701 / 5177471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07CBA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1D116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Maatschappelijk Opvang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B314B5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237DE7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76.77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A1DD2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AE4A5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67647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45AEC3F0" w14:textId="77777777" w:rsidTr="00B0469D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02795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980962 / 51600701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F6F51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2593E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Maatschappelijk Opvang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4A8CEC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108BEB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8.9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D48CF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319ED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A7DBF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49088096" w14:textId="77777777" w:rsidTr="00B0469D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9F97E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458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93E20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1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52B6E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Natuurtuin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D3EA04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982CD3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5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FC4A8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bewonersinitiatiev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C41FD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076708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4F65DEED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39DCC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200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D863F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7EC24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ei</w:t>
            </w:r>
            <w:proofErr w:type="spellEnd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koen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5EF302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17EBC9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BD7C1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4FA61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A3078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51A07C1F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260C2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758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AE11A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E7544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ei</w:t>
            </w:r>
            <w:proofErr w:type="spellEnd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koen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D99459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0FA03A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2.288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8299E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56FBA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01DDA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75C4850D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C69D2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623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87F6F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6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19A5F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ovadic-Kentron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3FFC3F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0E14DB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45.318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542D08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46A30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E8670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13FC4FD2" w14:textId="77777777" w:rsidTr="00B0469D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312EF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35646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E2D10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7AE97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Openbare Basisscholen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A5A6880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679ED0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588,26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4460C3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egeling Individuele project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40F27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A22F46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477F7F74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8EF864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669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DBEAA5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C59F5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Openlucht Galeries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'mond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F7FDAD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FBA0C8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99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53EC5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9F0E6B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F8CA8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33426633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496521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032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B94A3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6259FC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actum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A22EAB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945ED4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048.18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06C2C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6A5ADA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2C36E2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B0469D" w:rsidRPr="00B0469D" w14:paraId="50672ED0" w14:textId="77777777" w:rsidTr="00B0469D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579429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7788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DBB65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F02D4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Podium W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706FE87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5F37D2" w14:textId="77777777" w:rsidR="00B0469D" w:rsidRPr="00B0469D" w:rsidRDefault="00B0469D" w:rsidP="00B0469D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ED1E4D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B02D7E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CE0A1F" w14:textId="77777777" w:rsidR="00B0469D" w:rsidRPr="00B0469D" w:rsidRDefault="00B0469D" w:rsidP="00B0469D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B0469D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532B60F1" w14:textId="77777777" w:rsidR="00961841" w:rsidRDefault="00961841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58"/>
        <w:gridCol w:w="1120"/>
        <w:gridCol w:w="2549"/>
        <w:gridCol w:w="218"/>
        <w:gridCol w:w="1178"/>
        <w:gridCol w:w="3201"/>
        <w:gridCol w:w="3316"/>
        <w:gridCol w:w="1020"/>
      </w:tblGrid>
      <w:tr w:rsidR="001D56DB" w:rsidRPr="001D56DB" w14:paraId="3C974F53" w14:textId="77777777" w:rsidTr="001D56DB">
        <w:trPr>
          <w:trHeight w:val="540"/>
        </w:trPr>
        <w:tc>
          <w:tcPr>
            <w:tcW w:w="16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E001219" w14:textId="77777777" w:rsidR="001D56DB" w:rsidRPr="001D56DB" w:rsidRDefault="001D56DB" w:rsidP="001D56DB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43C32BEA" w14:textId="77777777" w:rsidR="001D56DB" w:rsidRPr="001D56DB" w:rsidRDefault="001D56DB" w:rsidP="001D56DB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6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17879E3" w14:textId="77777777" w:rsidR="001D56DB" w:rsidRPr="001D56DB" w:rsidRDefault="001D56DB" w:rsidP="001D56DB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40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75E8D70C" w14:textId="77777777" w:rsidR="001D56DB" w:rsidRPr="001D56DB" w:rsidRDefault="001D56DB" w:rsidP="001D56DB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08EE28C" w14:textId="77777777" w:rsidR="001D56DB" w:rsidRPr="001D56DB" w:rsidRDefault="001D56DB" w:rsidP="001D56DB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4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0495B9A7" w14:textId="77777777" w:rsidR="001D56DB" w:rsidRPr="001D56DB" w:rsidRDefault="001D56DB" w:rsidP="001D56DB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7EFFF642" w14:textId="77777777" w:rsidR="001D56DB" w:rsidRPr="001D56DB" w:rsidRDefault="001D56DB" w:rsidP="001D56DB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1D56DB" w:rsidRPr="001D56DB" w14:paraId="0D568034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CAFBC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745106 / 51721009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2A7003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18180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POST#5700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75F996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8C7607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98EF8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2A6AD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5238B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23EA12F9" w14:textId="77777777" w:rsidTr="001D56DB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80F573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204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551D3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4E71B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Samenlevingsopbouw Helmond-</w:t>
            </w: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Oos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86C5B4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F7AE9C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0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F2400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8F56F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06FB7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119A5B1C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E68EE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406243 / 51533607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0539D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4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87D11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Sint Anna-klooster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D6DCBE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34479F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AC450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E1D69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F25B0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465D9E87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A5EC8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5712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70E3F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E5850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Speel je Mee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62CDCF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24F85E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5920C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4BBBC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6F856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7A3D31EE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97804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229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20F87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E8AA7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Speeltuin Helmond-Wes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EDFC09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ED21C5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C35817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B5B39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B7622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5219060E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B1676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590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D8C2A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B000D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Speeltuin </w:t>
            </w: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Rijpelberg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11C39B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DE77D2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.05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A78D6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E97C2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4C605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5F3CD62E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0A2B1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171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24E42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9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52A11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Sportglossy Tribune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8FAA3C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6AF55F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1.62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5407C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egrotingssubsidie sportstimulering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BAC44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084B4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0590D1AD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F1986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5325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714EC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E84FE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Super Sociaal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A4E5DC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70AE13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3.8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D308B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02FBA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7BEF1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0E9E5A55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C89EC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903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803CB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A52A9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Tienerhui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35ED59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35D92D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4.70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D977D3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D6C9B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06740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3ADA948C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FC394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88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2E672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3847D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Tienerhui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329DD6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20670E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1E506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00B60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54D0C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5F670B46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819D7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1994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83D46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79119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tichting </w:t>
            </w: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Uniq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0A3DBE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37891A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8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938B0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496A8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89895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706F1B9B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28648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3737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A48E2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4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EED14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huis Geseldonk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EDF597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785825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8.94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DA272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1E023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474D5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4F081DD7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83061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099303 / 51424730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8C7E4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-4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D594B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huis Geseldonk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EB6A39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AECEC3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18.94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3F192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B4F95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CF129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78671996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6DA0C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530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BE3D7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4A225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huis Geseldonk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114C22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68CB33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.25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48417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0529B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1DE1A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49CC3A05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4D7FB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12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2A2D0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0E6EA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huis Geseldonk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3B832A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7CABD5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47.47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D8B87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29558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C384D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15494D29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DAACB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9735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205BE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72263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raad Mierlo-Hou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C3238C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B9B1E5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4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EA521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5D1E0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55667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0E3F2C8E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21D48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293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E2B5C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6372E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raad Mierlo-Hou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A3AB2F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F0CBC1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C5880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00310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650A0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21822227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9CEDE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2129339 / 52203766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60424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7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DAE1C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raad Mierlo-Hou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214562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3ACFBE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408C3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5095F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95F91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0B9C11FB" w14:textId="77777777" w:rsidTr="001D56DB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65059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222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93458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DEE1D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raad Mierlo-Hou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38B164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E27078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4.063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017AC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D0975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4B878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69810CFC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6A70E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0878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7AE40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8BAA2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raad Mierlo-Hou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90B758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A7BFD0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9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76624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s evene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A453B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2BA5B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5B7EED5B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DBFF8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524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E6D20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145DA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ijkraad Mierlo-Hou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259232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A6B9C9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8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320EF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75D7E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E78FA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25ED66A3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64A74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2268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724C3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E3031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oonpartner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9FA8823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456715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57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90453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groene dak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BCAF8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A7297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44B304E3" w14:textId="77777777" w:rsidTr="001D56DB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87307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121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5C0AD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19D03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oonpartner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755F1E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2ED50F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9.147,82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B0709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DD6B3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67D71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70E34490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CF6483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1283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4FCC9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68458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Woonpartner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C40E86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20510C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5.51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D1F17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29D76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392F9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35EC6854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CA358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642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75827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1-11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01C09E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Zelfhulp Netwerk Z-O Braban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EB556A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CA6682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35.63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CB969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5DFBF3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9756D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2738E8D4" w14:textId="77777777" w:rsidTr="001D56DB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6B24A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9630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69CEB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1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2D321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ichting Zuiderbo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CE7080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2CABF2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15.165,98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CD38D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ordening voorzieningen onderwijs huisvest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0B108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853B1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1B2E6649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D48D013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4950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63588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6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48BF0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val="en-US"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val="en-US" w:eastAsia="nl-NL"/>
                <w14:ligatures w14:val="none"/>
              </w:rPr>
              <w:t xml:space="preserve">Stiphout Art / I Sandman-van </w:t>
            </w: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val="en-US" w:eastAsia="nl-NL"/>
                <w14:ligatures w14:val="none"/>
              </w:rPr>
              <w:t>Eerde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CD6984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9E042F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4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13781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1F2A4F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AF111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0100548D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16BF5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289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9B6FE4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4631A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SV </w:t>
            </w: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BEAB1A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AEF8B6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13.06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88472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1F096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B9550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7B8BE47C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4B858A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0123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F2CBCD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54FA0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VOBH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1088D0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177420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2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CED22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611CF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A1717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08CD34EA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0C950A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11029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28B86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2-2022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37A3D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ymfonieorkest Helmond-Venray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895F13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545B1E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410,62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38834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125FB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EFC10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4FD3F178" w14:textId="77777777" w:rsidTr="001D56DB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73A2C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51110292 correctie </w:t>
            </w: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vm</w:t>
            </w:r>
            <w:proofErr w:type="spellEnd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oekjaar  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39040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12-2022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5D2EA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ymfonieorkest Helmond-Venray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5D3A4E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69B212" w14:textId="77777777" w:rsidR="001D56DB" w:rsidRPr="00FF16AD" w:rsidRDefault="001D56DB" w:rsidP="001D56DB">
            <w:pPr>
              <w:jc w:val="right"/>
              <w:outlineLvl w:val="0"/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</w:pPr>
            <w:r w:rsidRPr="00FF16AD">
              <w:rPr>
                <w:rFonts w:eastAsia="Times New Roman" w:cs="Arial"/>
                <w:color w:val="auto"/>
                <w:kern w:val="0"/>
                <w:sz w:val="14"/>
                <w:szCs w:val="14"/>
                <w:lang w:eastAsia="nl-NL"/>
                <w14:ligatures w14:val="none"/>
              </w:rPr>
              <w:t>-410,62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E11DF3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46E31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8203A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700B5144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E3587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590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C5BF3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44C59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ymfonieorkest Helmond-Venray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E5C34C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62703E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53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78D75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EAC04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DF7EA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31228EB1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39942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7803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F5EFD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FEEA3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ymfonieorkest Helmond-Venray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36B208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CBED3B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7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58B28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C57A1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E9EC7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042F60A8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5C8EBE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140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0DC67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7-12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83B81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ymfonieorkest Helmond-Venray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F3B3E8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DA7C89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4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E8762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7097CA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00CFC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36A435C9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9BC75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048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3AA12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4450F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 Brandpun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EE4109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E5D5569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1.36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A26DD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5CC30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B18E14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56EEA5D0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B0336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049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B1552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1DA03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T Stippens </w:t>
            </w: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uukske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79894B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8EA499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4D5355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B829DD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EF647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20495D0F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5C025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657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D1AA8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87D35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afeltennisvereniging Stiphou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3C453D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D1AD76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58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F8447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6820D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C193A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6B216FBD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83CC8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8458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4B6810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5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E3E6A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ahne</w:t>
            </w:r>
            <w:proofErr w:type="spellEnd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Kleij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D159C3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17DA1B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88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1700A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8094AF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D4BB4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39EDA25A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C89F3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60097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7900C9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40DFF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Tennisver. </w:t>
            </w: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ierdonk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DBF28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3F3CD94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.028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228AD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365A4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31A0AA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254E6D26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7A35A1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247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6840A6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84EE27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ennisvereniging Carolu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7B143C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83166C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82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FFE5E2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22CED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66E43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1D56DB" w:rsidRPr="001D56DB" w14:paraId="2EA1C6C6" w14:textId="77777777" w:rsidTr="001D56DB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CBE09BE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068577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88AE0B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2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89A4AD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er AA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27F620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E096EF" w14:textId="77777777" w:rsidR="001D56DB" w:rsidRPr="001D56DB" w:rsidRDefault="001D56DB" w:rsidP="001D56DB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7.118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0B3A58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Nadere regels subsidie </w:t>
            </w:r>
            <w:proofErr w:type="spellStart"/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lwassenen-educatie</w:t>
            </w:r>
            <w:proofErr w:type="spellEnd"/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CA34E9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5C9A8C" w14:textId="77777777" w:rsidR="001D56DB" w:rsidRPr="001D56DB" w:rsidRDefault="001D56DB" w:rsidP="001D56DB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1D56DB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1546CAC8" w14:textId="77777777" w:rsidR="00B0469D" w:rsidRDefault="00B0469D" w:rsidP="000B05AF">
      <w:pPr>
        <w:rPr>
          <w:color w:val="auto"/>
        </w:rPr>
      </w:pPr>
    </w:p>
    <w:tbl>
      <w:tblPr>
        <w:tblW w:w="1426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660"/>
        <w:gridCol w:w="1120"/>
        <w:gridCol w:w="2551"/>
        <w:gridCol w:w="218"/>
        <w:gridCol w:w="1178"/>
        <w:gridCol w:w="3199"/>
        <w:gridCol w:w="3315"/>
        <w:gridCol w:w="1019"/>
      </w:tblGrid>
      <w:tr w:rsidR="007B6F40" w:rsidRPr="007B6F40" w14:paraId="6B0EB03E" w14:textId="77777777" w:rsidTr="007B6F40">
        <w:trPr>
          <w:trHeight w:val="540"/>
        </w:trPr>
        <w:tc>
          <w:tcPr>
            <w:tcW w:w="16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0119797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lastRenderedPageBreak/>
              <w:t>Beschikkingsnumme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DF144E9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Beschikkings-datum</w:t>
            </w:r>
          </w:p>
        </w:tc>
        <w:tc>
          <w:tcPr>
            <w:tcW w:w="256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1BED7C4F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Ontvanger</w:t>
            </w:r>
          </w:p>
        </w:tc>
        <w:tc>
          <w:tcPr>
            <w:tcW w:w="1340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000000" w:fill="E00000"/>
            <w:hideMark/>
          </w:tcPr>
          <w:p w14:paraId="00C69821" w14:textId="77777777" w:rsidR="007B6F40" w:rsidRPr="007B6F40" w:rsidRDefault="007B6F40" w:rsidP="007B6F40">
            <w:pPr>
              <w:jc w:val="right"/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bedrag</w:t>
            </w:r>
          </w:p>
        </w:tc>
        <w:tc>
          <w:tcPr>
            <w:tcW w:w="32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5DC6CAA8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Subsidieregeling</w:t>
            </w:r>
          </w:p>
        </w:tc>
        <w:tc>
          <w:tcPr>
            <w:tcW w:w="334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2E59705E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Uit welke programma</w:t>
            </w:r>
          </w:p>
        </w:tc>
        <w:tc>
          <w:tcPr>
            <w:tcW w:w="102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00000"/>
            <w:hideMark/>
          </w:tcPr>
          <w:p w14:paraId="38388337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FFFFFF"/>
                <w:kern w:val="0"/>
                <w:sz w:val="14"/>
                <w:szCs w:val="14"/>
                <w:lang w:eastAsia="nl-NL"/>
                <w14:ligatures w14:val="none"/>
              </w:rPr>
              <w:t>Eenmalige verstrekking</w:t>
            </w:r>
          </w:p>
        </w:tc>
      </w:tr>
      <w:tr w:rsidR="007B6F40" w:rsidRPr="007B6F40" w14:paraId="02FC3B2D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8C1D8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240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54B5C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3CD896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Theaterkoor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utsz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F1DEC0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9F54CD8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.661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291D50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A76B1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C3B4C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32C2920F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76D5E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2756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F8233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5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6B8C8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Thomas Pieters Music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0FA326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6CE886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21124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C61C9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43593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53D630E9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6A25A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6785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34A9C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0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B6307C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Toneelgroep St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enesius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12EED4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051CAA2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5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CD77CC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DA7C3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DB298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7AB11174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1F2BF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412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E59976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8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43D26B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Toneelgroep St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Genesius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9026AE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CCC23DF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024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88D07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1B256B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B6BE5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6813475D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F78706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6253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03E2F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-6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28272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Uitgeverij Gegarandeerd Onregelmatig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373E1A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A5C579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901,42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95971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D10E1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D15601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08AAE9AC" w14:textId="77777777" w:rsidTr="007B6F40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A596D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6197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999CBE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9-1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30C73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van de Ven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rchitekten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bv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65788C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28428C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8.213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8DA42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onderhoud gemeentelijke monumenten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DEC42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180CA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1899BD12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D30E2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202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D3B20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60D28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DHT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F78D91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2BFCC0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83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48C259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8B1BE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B92A5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249C9A31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F72C3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638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68EBB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1269C6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Ver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e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Stadscomp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.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149D5C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9A46DF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11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9DC4A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8F4816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CD5E0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79604C00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D4225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01850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3373E7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5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963947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eniging Wijkbeheer Binnensta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C44BA5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AE1650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5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9AF26D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5300A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4C3A2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77B99C81" w14:textId="77777777" w:rsidTr="007B6F40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5087A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489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271AC1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E31F9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eniging Wijkbeheer Binnensta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D405AE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8EBD804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3.28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CAB63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BE497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15CF2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4AB41BDB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B5F2A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6626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D2BD3C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67651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caal ensemble Marcando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A9DCBE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A3CDEF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68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20171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22182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0591B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7223715E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9D7C7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44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6BDE91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A48A0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etbalvereniging "Stiphout Vooruit"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950D50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08A816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.59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251F3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2B8F4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24216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6C83B696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4C11F6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328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DDAC6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2A941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oetbalverening.Bruheze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A7F756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C76B06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.77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619C06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AAB59A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A9B8D2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21CFB615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007E06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5021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1EF647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5-10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7ED796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rijwerkers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of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C5828E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27269A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200AA4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Makersregeling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903DF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EA5984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7414CF34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8918C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11699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E873E6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5-8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57238F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rijwerkers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Vof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A00D25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916528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00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E2B9C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4FDBFB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5B0A0C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40802381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D5DE0B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0650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82E32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51807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rouwenkoor Confetti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6B98CA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754AF98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.24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6E1090D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24FF5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065126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26DD7D0B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DEF22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2493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9FC34F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B895C3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rouwenkoor Confetti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FA3C4C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C110FD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2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1B575B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71524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B6E707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055DEEA2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A12D37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2494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47F04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5D9780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rouwenkoor Confetti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2DFADFD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22BB3F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024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1762EC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DEDB92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E3CDE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624FBDAA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9871D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92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53959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9F08C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Wandelvierdaagse Helmond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321110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977671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69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A77D4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7EF246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821589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1E4C4900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2C20C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90904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F2ACC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3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DB9F3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Wijkraad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377048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F56DD5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5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83667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4FE8DC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925ED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60E62DC1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F994D0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228539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2C0E8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8-1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0374CB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Wijkraad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4867D8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68B0368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73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E0E725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Incidentele subsidies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B44567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7B68A5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1C112545" w14:textId="77777777" w:rsidTr="007B6F40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976328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49149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67C868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242F3F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Wijkraad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Brandevoort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D971B2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F9BD1A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4.284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FD853AD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0F0DC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18F934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28DC08F3" w14:textId="77777777" w:rsidTr="007B6F40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8CF76D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85542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A0E3D5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F531CE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Wijkraad Dagelijks Beheer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ierdonk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3288808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B81802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.61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67DD17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stedelijke vernieuwing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D928F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2 Duurzaam en Leefbaar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D05F6D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207F8800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C50208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61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8FBC09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19395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Wijkvereniging Akkers  p/a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BBAF8C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EE5FF12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05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77322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CBC92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EFAAFD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579B1F80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91248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4874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633B95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95A3E6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Wijkvereniging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shorst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619FDA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255EB1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67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AAE706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1B4A41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EFC7ED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48CB3FDB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14551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2487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10C97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70DB4F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Wijkvereniging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Dierdonk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53E466A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C432FB1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.511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89926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0C1A7D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050048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46EF04C2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5D9C0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4035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A37D93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B93F10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Windsurfvereniging Berkendonk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0593B893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F1C9701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223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6D9AC4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7B3BC8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5541D26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2EEF0C75" w14:textId="77777777" w:rsidTr="007B6F40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966B0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794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794E29A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5C61FD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Zang-en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amusementsver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de Notenkrakers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1CC0322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451D599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80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27BFB9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70963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40AB0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5B022D6E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3BDAC36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90021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E8466F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86DDE6D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Zanggroep Just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for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Fun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29FAE24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C68566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4.039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2F84CDC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AA94D3E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C051BA4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6DB1A0E6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D95C068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7478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50341C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10-1-2024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8FE5937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Zanggroep 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Xango</w:t>
            </w:r>
            <w:proofErr w:type="spellEnd"/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70B14D3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CEB7C89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.866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11579E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Nadere regels subsidie amateurkunst Helmond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FF2362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3 Economisch vitaal en aantrekkelijk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A139E6D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57CBAE19" w14:textId="77777777" w:rsidTr="007B6F40">
        <w:trPr>
          <w:trHeight w:val="36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52768792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51580413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83BDB29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6-12-2023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B5375AF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Zwemvereniging "</w:t>
            </w:r>
            <w:proofErr w:type="spellStart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Helmondse</w:t>
            </w:r>
            <w:proofErr w:type="spellEnd"/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 xml:space="preserve"> Watervrienden"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6BD6807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F0BDA95" w14:textId="77777777" w:rsidR="007B6F40" w:rsidRPr="007B6F40" w:rsidRDefault="007B6F40" w:rsidP="007B6F40">
            <w:pPr>
              <w:jc w:val="right"/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9.762,00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24CD4F30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Versterken Lokale Netwerken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73639BBB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Programma 1 Meedoen, rondkomen, vooruitkomen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F5A5715" w14:textId="77777777" w:rsidR="007B6F40" w:rsidRPr="007B6F40" w:rsidRDefault="007B6F40" w:rsidP="007B6F40">
            <w:pPr>
              <w:outlineLvl w:val="0"/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  <w:tr w:rsidR="007B6F40" w:rsidRPr="007B6F40" w14:paraId="5EFC1D32" w14:textId="77777777" w:rsidTr="007B6F40">
        <w:trPr>
          <w:trHeight w:val="180"/>
        </w:trPr>
        <w:tc>
          <w:tcPr>
            <w:tcW w:w="16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BE2DD62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953CC73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  <w:tc>
          <w:tcPr>
            <w:tcW w:w="25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ED71511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  <w:tc>
          <w:tcPr>
            <w:tcW w:w="16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hideMark/>
          </w:tcPr>
          <w:p w14:paraId="4C501D58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€</w:t>
            </w:r>
          </w:p>
        </w:tc>
        <w:tc>
          <w:tcPr>
            <w:tcW w:w="1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38828FA9" w14:textId="77777777" w:rsidR="007B6F40" w:rsidRPr="007B6F40" w:rsidRDefault="007B6F40" w:rsidP="007B6F40">
            <w:pPr>
              <w:jc w:val="right"/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38.236.466,32</w:t>
            </w:r>
          </w:p>
        </w:tc>
        <w:tc>
          <w:tcPr>
            <w:tcW w:w="32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03CE264F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  <w:tc>
          <w:tcPr>
            <w:tcW w:w="33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6A044FF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  <w:tc>
          <w:tcPr>
            <w:tcW w:w="102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1D83A921" w14:textId="77777777" w:rsidR="007B6F40" w:rsidRPr="007B6F40" w:rsidRDefault="007B6F40" w:rsidP="007B6F40">
            <w:pPr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</w:pPr>
            <w:r w:rsidRPr="007B6F40">
              <w:rPr>
                <w:rFonts w:eastAsia="Times New Roman" w:cs="Arial"/>
                <w:b/>
                <w:bCs/>
                <w:color w:val="000000"/>
                <w:kern w:val="0"/>
                <w:sz w:val="14"/>
                <w:szCs w:val="14"/>
                <w:lang w:eastAsia="nl-NL"/>
                <w14:ligatures w14:val="none"/>
              </w:rPr>
              <w:t> </w:t>
            </w:r>
          </w:p>
        </w:tc>
      </w:tr>
    </w:tbl>
    <w:p w14:paraId="1B07A8CD" w14:textId="77777777" w:rsidR="001D56DB" w:rsidRPr="00F02E07" w:rsidRDefault="001D56DB" w:rsidP="000B05AF">
      <w:pPr>
        <w:rPr>
          <w:color w:val="auto"/>
        </w:rPr>
      </w:pPr>
    </w:p>
    <w:sectPr w:rsidR="001D56DB" w:rsidRPr="00F02E07" w:rsidSect="006C1108">
      <w:pgSz w:w="16838" w:h="11906" w:orient="landscape"/>
      <w:pgMar w:top="1418" w:right="1418" w:bottom="851" w:left="1418" w:header="709" w:footer="709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AC6583E"/>
    <w:multiLevelType w:val="multilevel"/>
    <w:tmpl w:val="E7EAB930"/>
    <w:lvl w:ilvl="0">
      <w:start w:val="1"/>
      <w:numFmt w:val="decimal"/>
      <w:pStyle w:val="Kop1"/>
      <w:lvlText w:val="%1"/>
      <w:lvlJc w:val="left"/>
      <w:pPr>
        <w:ind w:left="432" w:hanging="432"/>
      </w:pPr>
    </w:lvl>
    <w:lvl w:ilvl="1">
      <w:start w:val="1"/>
      <w:numFmt w:val="decimal"/>
      <w:pStyle w:val="Kop2"/>
      <w:lvlText w:val="%1.%2"/>
      <w:lvlJc w:val="left"/>
      <w:pPr>
        <w:ind w:left="576" w:hanging="576"/>
      </w:pPr>
    </w:lvl>
    <w:lvl w:ilvl="2">
      <w:start w:val="1"/>
      <w:numFmt w:val="decimal"/>
      <w:pStyle w:val="Kop3"/>
      <w:lvlText w:val="%1.%2.%3"/>
      <w:lvlJc w:val="left"/>
      <w:pPr>
        <w:ind w:left="720" w:hanging="720"/>
      </w:pPr>
    </w:lvl>
    <w:lvl w:ilvl="3">
      <w:start w:val="1"/>
      <w:numFmt w:val="decimal"/>
      <w:pStyle w:val="Kop4"/>
      <w:lvlText w:val="%1.%2.%3.%4"/>
      <w:lvlJc w:val="left"/>
      <w:pPr>
        <w:ind w:left="864" w:hanging="864"/>
      </w:pPr>
    </w:lvl>
    <w:lvl w:ilvl="4">
      <w:start w:val="1"/>
      <w:numFmt w:val="decimal"/>
      <w:pStyle w:val="Kop5"/>
      <w:lvlText w:val="%1.%2.%3.%4.%5"/>
      <w:lvlJc w:val="left"/>
      <w:pPr>
        <w:ind w:left="1008" w:hanging="1008"/>
      </w:pPr>
    </w:lvl>
    <w:lvl w:ilvl="5">
      <w:start w:val="1"/>
      <w:numFmt w:val="decimal"/>
      <w:pStyle w:val="Kop6"/>
      <w:lvlText w:val="%1.%2.%3.%4.%5.%6"/>
      <w:lvlJc w:val="left"/>
      <w:pPr>
        <w:ind w:left="1152" w:hanging="1152"/>
      </w:pPr>
    </w:lvl>
    <w:lvl w:ilvl="6">
      <w:start w:val="1"/>
      <w:numFmt w:val="decimal"/>
      <w:pStyle w:val="Kop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Kop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Kop9"/>
      <w:lvlText w:val="%1.%2.%3.%4.%5.%6.%7.%8.%9"/>
      <w:lvlJc w:val="left"/>
      <w:pPr>
        <w:ind w:left="1584" w:hanging="1584"/>
      </w:pPr>
    </w:lvl>
  </w:abstractNum>
  <w:num w:numId="1" w16cid:durableId="1808669114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514E0"/>
    <w:rsid w:val="000001E5"/>
    <w:rsid w:val="00035E8F"/>
    <w:rsid w:val="00075F6C"/>
    <w:rsid w:val="000A6271"/>
    <w:rsid w:val="000B05AF"/>
    <w:rsid w:val="00144D02"/>
    <w:rsid w:val="00157E31"/>
    <w:rsid w:val="00184E41"/>
    <w:rsid w:val="001A5767"/>
    <w:rsid w:val="001B0E7D"/>
    <w:rsid w:val="001C11A9"/>
    <w:rsid w:val="001C6302"/>
    <w:rsid w:val="001D56DB"/>
    <w:rsid w:val="001E1D48"/>
    <w:rsid w:val="00236298"/>
    <w:rsid w:val="002977C8"/>
    <w:rsid w:val="002D7740"/>
    <w:rsid w:val="002E0E74"/>
    <w:rsid w:val="00353717"/>
    <w:rsid w:val="0035752A"/>
    <w:rsid w:val="00367007"/>
    <w:rsid w:val="0037013A"/>
    <w:rsid w:val="003A4089"/>
    <w:rsid w:val="003A583E"/>
    <w:rsid w:val="004155B0"/>
    <w:rsid w:val="00436C62"/>
    <w:rsid w:val="00457F74"/>
    <w:rsid w:val="004C1E51"/>
    <w:rsid w:val="004D390E"/>
    <w:rsid w:val="004D70F0"/>
    <w:rsid w:val="004E3B01"/>
    <w:rsid w:val="00521F50"/>
    <w:rsid w:val="005501E7"/>
    <w:rsid w:val="00555DC5"/>
    <w:rsid w:val="005E7831"/>
    <w:rsid w:val="005F6B8A"/>
    <w:rsid w:val="00617844"/>
    <w:rsid w:val="00640B31"/>
    <w:rsid w:val="006A003E"/>
    <w:rsid w:val="006C1108"/>
    <w:rsid w:val="00734F02"/>
    <w:rsid w:val="007376C8"/>
    <w:rsid w:val="0076354B"/>
    <w:rsid w:val="00764DF6"/>
    <w:rsid w:val="00797EA1"/>
    <w:rsid w:val="007A4AE1"/>
    <w:rsid w:val="007B6F40"/>
    <w:rsid w:val="007C5CFA"/>
    <w:rsid w:val="007D664F"/>
    <w:rsid w:val="00812078"/>
    <w:rsid w:val="00851478"/>
    <w:rsid w:val="008554D1"/>
    <w:rsid w:val="008A3314"/>
    <w:rsid w:val="008B19E8"/>
    <w:rsid w:val="008E1633"/>
    <w:rsid w:val="008E40A0"/>
    <w:rsid w:val="008E62E9"/>
    <w:rsid w:val="00913C7D"/>
    <w:rsid w:val="00917FA6"/>
    <w:rsid w:val="00952ADA"/>
    <w:rsid w:val="00961841"/>
    <w:rsid w:val="00996176"/>
    <w:rsid w:val="009A20FF"/>
    <w:rsid w:val="009E5933"/>
    <w:rsid w:val="009E691D"/>
    <w:rsid w:val="00A22CBD"/>
    <w:rsid w:val="00A24752"/>
    <w:rsid w:val="00A951CA"/>
    <w:rsid w:val="00B0469D"/>
    <w:rsid w:val="00B10A7D"/>
    <w:rsid w:val="00B10AA3"/>
    <w:rsid w:val="00B25E91"/>
    <w:rsid w:val="00B60004"/>
    <w:rsid w:val="00B7450A"/>
    <w:rsid w:val="00C01E71"/>
    <w:rsid w:val="00C47C5C"/>
    <w:rsid w:val="00C514E0"/>
    <w:rsid w:val="00C60539"/>
    <w:rsid w:val="00CE0207"/>
    <w:rsid w:val="00D0197B"/>
    <w:rsid w:val="00D51B30"/>
    <w:rsid w:val="00D91BCA"/>
    <w:rsid w:val="00DC048E"/>
    <w:rsid w:val="00DF6969"/>
    <w:rsid w:val="00E00CF4"/>
    <w:rsid w:val="00E3751B"/>
    <w:rsid w:val="00E565D5"/>
    <w:rsid w:val="00E81549"/>
    <w:rsid w:val="00E9648A"/>
    <w:rsid w:val="00EF4F4B"/>
    <w:rsid w:val="00EF7753"/>
    <w:rsid w:val="00F014FC"/>
    <w:rsid w:val="00F02E07"/>
    <w:rsid w:val="00F14686"/>
    <w:rsid w:val="00F27438"/>
    <w:rsid w:val="00F33B91"/>
    <w:rsid w:val="00F36BFA"/>
    <w:rsid w:val="00F475B3"/>
    <w:rsid w:val="00F63E74"/>
    <w:rsid w:val="00F9140F"/>
    <w:rsid w:val="00F94D92"/>
    <w:rsid w:val="00FB5A5A"/>
    <w:rsid w:val="00FF16A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95514CB"/>
  <w15:chartTrackingRefBased/>
  <w15:docId w15:val="{331FC355-7016-481D-9A8F-F11C8B78A8A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nl-NL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C60539"/>
    <w:pPr>
      <w:spacing w:after="0" w:line="240" w:lineRule="auto"/>
    </w:pPr>
    <w:rPr>
      <w:rFonts w:ascii="Arial" w:hAnsi="Arial"/>
      <w:color w:val="000000" w:themeColor="text1"/>
      <w:sz w:val="20"/>
    </w:rPr>
  </w:style>
  <w:style w:type="paragraph" w:styleId="Kop1">
    <w:name w:val="heading 1"/>
    <w:basedOn w:val="Standaard"/>
    <w:next w:val="Standaard"/>
    <w:link w:val="Kop1Char"/>
    <w:uiPriority w:val="9"/>
    <w:qFormat/>
    <w:rsid w:val="00184E41"/>
    <w:pPr>
      <w:keepNext/>
      <w:keepLines/>
      <w:numPr>
        <w:numId w:val="1"/>
      </w:numPr>
      <w:spacing w:before="360" w:after="80"/>
      <w:outlineLvl w:val="0"/>
    </w:pPr>
    <w:rPr>
      <w:rFonts w:eastAsiaTheme="majorEastAsia" w:cstheme="majorBidi"/>
      <w:b/>
      <w:szCs w:val="40"/>
    </w:rPr>
  </w:style>
  <w:style w:type="paragraph" w:styleId="Kop2">
    <w:name w:val="heading 2"/>
    <w:basedOn w:val="Standaard"/>
    <w:next w:val="Standaard"/>
    <w:link w:val="Kop2Char"/>
    <w:uiPriority w:val="9"/>
    <w:unhideWhenUsed/>
    <w:qFormat/>
    <w:rsid w:val="001C6302"/>
    <w:pPr>
      <w:keepNext/>
      <w:keepLines/>
      <w:numPr>
        <w:ilvl w:val="1"/>
        <w:numId w:val="1"/>
      </w:numPr>
      <w:spacing w:before="160" w:after="80"/>
      <w:outlineLvl w:val="1"/>
    </w:pPr>
    <w:rPr>
      <w:rFonts w:eastAsiaTheme="majorEastAsia" w:cs="Arial"/>
      <w:b/>
      <w:bCs/>
      <w:szCs w:val="20"/>
    </w:rPr>
  </w:style>
  <w:style w:type="paragraph" w:styleId="Kop3">
    <w:name w:val="heading 3"/>
    <w:basedOn w:val="Standaard"/>
    <w:next w:val="Standaard"/>
    <w:link w:val="Kop3Char"/>
    <w:uiPriority w:val="9"/>
    <w:unhideWhenUsed/>
    <w:qFormat/>
    <w:rsid w:val="001C6302"/>
    <w:pPr>
      <w:keepNext/>
      <w:keepLines/>
      <w:numPr>
        <w:ilvl w:val="2"/>
        <w:numId w:val="1"/>
      </w:numPr>
      <w:spacing w:before="160" w:after="80"/>
      <w:outlineLvl w:val="2"/>
    </w:pPr>
    <w:rPr>
      <w:rFonts w:eastAsiaTheme="majorEastAsia" w:cstheme="majorBidi"/>
      <w:b/>
      <w:bCs/>
      <w:szCs w:val="20"/>
    </w:rPr>
  </w:style>
  <w:style w:type="paragraph" w:styleId="Kop4">
    <w:name w:val="heading 4"/>
    <w:basedOn w:val="Standaard"/>
    <w:next w:val="Standaard"/>
    <w:link w:val="Kop4Char"/>
    <w:uiPriority w:val="9"/>
    <w:unhideWhenUsed/>
    <w:qFormat/>
    <w:rsid w:val="001C6302"/>
    <w:pPr>
      <w:keepNext/>
      <w:keepLines/>
      <w:numPr>
        <w:ilvl w:val="3"/>
        <w:numId w:val="1"/>
      </w:numPr>
      <w:spacing w:before="80" w:after="40"/>
      <w:outlineLvl w:val="3"/>
    </w:pPr>
    <w:rPr>
      <w:rFonts w:eastAsiaTheme="majorEastAsia" w:cstheme="majorBidi"/>
      <w:b/>
      <w:bCs/>
    </w:rPr>
  </w:style>
  <w:style w:type="paragraph" w:styleId="Kop5">
    <w:name w:val="heading 5"/>
    <w:basedOn w:val="Standaard"/>
    <w:next w:val="Standaard"/>
    <w:link w:val="Kop5Char"/>
    <w:uiPriority w:val="9"/>
    <w:unhideWhenUsed/>
    <w:qFormat/>
    <w:rsid w:val="001C6302"/>
    <w:pPr>
      <w:keepNext/>
      <w:keepLines/>
      <w:numPr>
        <w:ilvl w:val="4"/>
        <w:numId w:val="1"/>
      </w:numPr>
      <w:spacing w:before="80" w:after="40"/>
      <w:outlineLvl w:val="4"/>
    </w:pPr>
    <w:rPr>
      <w:rFonts w:eastAsiaTheme="majorEastAsia" w:cstheme="majorBidi"/>
      <w:b/>
      <w:bCs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617844"/>
    <w:pPr>
      <w:keepNext/>
      <w:keepLines/>
      <w:numPr>
        <w:ilvl w:val="5"/>
        <w:numId w:val="1"/>
      </w:numPr>
      <w:spacing w:before="4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617844"/>
    <w:pPr>
      <w:keepNext/>
      <w:keepLines/>
      <w:numPr>
        <w:ilvl w:val="6"/>
        <w:numId w:val="1"/>
      </w:numPr>
      <w:spacing w:before="4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617844"/>
    <w:pPr>
      <w:keepNext/>
      <w:keepLines/>
      <w:numPr>
        <w:ilvl w:val="7"/>
        <w:numId w:val="1"/>
      </w:numPr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617844"/>
    <w:pPr>
      <w:keepNext/>
      <w:keepLines/>
      <w:numPr>
        <w:ilvl w:val="8"/>
        <w:numId w:val="1"/>
      </w:numPr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184E41"/>
    <w:rPr>
      <w:rFonts w:ascii="Arial" w:eastAsiaTheme="majorEastAsia" w:hAnsi="Arial" w:cstheme="majorBidi"/>
      <w:b/>
      <w:color w:val="000000" w:themeColor="text1"/>
      <w:sz w:val="20"/>
      <w:szCs w:val="40"/>
    </w:rPr>
  </w:style>
  <w:style w:type="character" w:customStyle="1" w:styleId="Kop2Char">
    <w:name w:val="Kop 2 Char"/>
    <w:basedOn w:val="Standaardalinea-lettertype"/>
    <w:link w:val="Kop2"/>
    <w:uiPriority w:val="9"/>
    <w:rsid w:val="001C6302"/>
    <w:rPr>
      <w:rFonts w:ascii="Arial" w:eastAsiaTheme="majorEastAsia" w:hAnsi="Arial" w:cs="Arial"/>
      <w:b/>
      <w:bCs/>
      <w:color w:val="000000" w:themeColor="text1"/>
      <w:sz w:val="20"/>
      <w:szCs w:val="20"/>
    </w:rPr>
  </w:style>
  <w:style w:type="character" w:customStyle="1" w:styleId="Kop3Char">
    <w:name w:val="Kop 3 Char"/>
    <w:basedOn w:val="Standaardalinea-lettertype"/>
    <w:link w:val="Kop3"/>
    <w:uiPriority w:val="9"/>
    <w:rsid w:val="001C6302"/>
    <w:rPr>
      <w:rFonts w:ascii="Arial" w:eastAsiaTheme="majorEastAsia" w:hAnsi="Arial" w:cstheme="majorBidi"/>
      <w:b/>
      <w:bCs/>
      <w:color w:val="000000" w:themeColor="text1"/>
      <w:sz w:val="20"/>
      <w:szCs w:val="20"/>
    </w:rPr>
  </w:style>
  <w:style w:type="character" w:customStyle="1" w:styleId="Kop4Char">
    <w:name w:val="Kop 4 Char"/>
    <w:basedOn w:val="Standaardalinea-lettertype"/>
    <w:link w:val="Kop4"/>
    <w:uiPriority w:val="9"/>
    <w:rsid w:val="001C6302"/>
    <w:rPr>
      <w:rFonts w:ascii="Arial" w:eastAsiaTheme="majorEastAsia" w:hAnsi="Arial" w:cstheme="majorBidi"/>
      <w:b/>
      <w:bCs/>
      <w:color w:val="000000" w:themeColor="text1"/>
      <w:sz w:val="20"/>
    </w:rPr>
  </w:style>
  <w:style w:type="character" w:customStyle="1" w:styleId="Kop5Char">
    <w:name w:val="Kop 5 Char"/>
    <w:basedOn w:val="Standaardalinea-lettertype"/>
    <w:link w:val="Kop5"/>
    <w:uiPriority w:val="9"/>
    <w:rsid w:val="001C6302"/>
    <w:rPr>
      <w:rFonts w:ascii="Arial" w:eastAsiaTheme="majorEastAsia" w:hAnsi="Arial" w:cstheme="majorBidi"/>
      <w:b/>
      <w:bCs/>
      <w:color w:val="000000" w:themeColor="text1"/>
      <w:sz w:val="20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617844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617844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617844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617844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617844"/>
    <w:pPr>
      <w:spacing w:after="80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17844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617844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617844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617844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617844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617844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617844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617844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617844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617844"/>
    <w:rPr>
      <w:b/>
      <w:bCs/>
      <w:smallCaps/>
      <w:color w:val="0F4761" w:themeColor="accent1" w:themeShade="BF"/>
      <w:spacing w:val="5"/>
    </w:rPr>
  </w:style>
  <w:style w:type="character" w:styleId="Hyperlink">
    <w:name w:val="Hyperlink"/>
    <w:basedOn w:val="Standaardalinea-lettertype"/>
    <w:uiPriority w:val="99"/>
    <w:semiHidden/>
    <w:unhideWhenUsed/>
    <w:rsid w:val="00C514E0"/>
    <w:rPr>
      <w:color w:val="0563C1"/>
      <w:u w:val="single"/>
    </w:rPr>
  </w:style>
  <w:style w:type="character" w:styleId="GevolgdeHyperlink">
    <w:name w:val="FollowedHyperlink"/>
    <w:basedOn w:val="Standaardalinea-lettertype"/>
    <w:uiPriority w:val="99"/>
    <w:semiHidden/>
    <w:unhideWhenUsed/>
    <w:rsid w:val="00C514E0"/>
    <w:rPr>
      <w:color w:val="954F72"/>
      <w:u w:val="single"/>
    </w:rPr>
  </w:style>
  <w:style w:type="paragraph" w:customStyle="1" w:styleId="msonormal0">
    <w:name w:val="msonormal"/>
    <w:basedOn w:val="Standaard"/>
    <w:rsid w:val="00C514E0"/>
    <w:pPr>
      <w:spacing w:before="100" w:beforeAutospacing="1" w:after="100" w:afterAutospacing="1"/>
    </w:pPr>
    <w:rPr>
      <w:rFonts w:ascii="Times New Roman" w:eastAsia="Times New Roman" w:hAnsi="Times New Roman" w:cs="Times New Roman"/>
      <w:color w:val="auto"/>
      <w:kern w:val="0"/>
      <w:sz w:val="24"/>
      <w:szCs w:val="24"/>
      <w:lang w:eastAsia="nl-NL"/>
      <w14:ligatures w14:val="none"/>
    </w:rPr>
  </w:style>
  <w:style w:type="paragraph" w:customStyle="1" w:styleId="xl63">
    <w:name w:val="xl63"/>
    <w:basedOn w:val="Standaard"/>
    <w:rsid w:val="00C514E0"/>
    <w:pP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64">
    <w:name w:val="xl64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hd w:val="clear" w:color="000000" w:fill="E00000"/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b/>
      <w:bCs/>
      <w:color w:val="FFFFFF"/>
      <w:kern w:val="0"/>
      <w:sz w:val="14"/>
      <w:szCs w:val="14"/>
      <w:lang w:eastAsia="nl-NL"/>
      <w14:ligatures w14:val="none"/>
    </w:rPr>
  </w:style>
  <w:style w:type="paragraph" w:customStyle="1" w:styleId="xl65">
    <w:name w:val="xl65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66">
    <w:name w:val="xl66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67">
    <w:name w:val="xl67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68">
    <w:name w:val="xl68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69">
    <w:name w:val="xl69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70">
    <w:name w:val="xl70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71">
    <w:name w:val="xl71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72">
    <w:name w:val="xl72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E00000"/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b/>
      <w:bCs/>
      <w:color w:val="FFFFFF"/>
      <w:kern w:val="0"/>
      <w:sz w:val="14"/>
      <w:szCs w:val="14"/>
      <w:lang w:eastAsia="nl-NL"/>
      <w14:ligatures w14:val="none"/>
    </w:rPr>
  </w:style>
  <w:style w:type="paragraph" w:customStyle="1" w:styleId="xl73">
    <w:name w:val="xl73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74">
    <w:name w:val="xl74"/>
    <w:basedOn w:val="Standaard"/>
    <w:rsid w:val="00C514E0"/>
    <w:pPr>
      <w:pBdr>
        <w:top w:val="single" w:sz="4" w:space="0" w:color="auto"/>
        <w:bottom w:val="single" w:sz="4" w:space="0" w:color="auto"/>
        <w:right w:val="single" w:sz="4" w:space="0" w:color="auto"/>
      </w:pBdr>
      <w:shd w:val="clear" w:color="000000" w:fill="E00000"/>
      <w:spacing w:before="100" w:beforeAutospacing="1" w:after="100" w:afterAutospacing="1"/>
      <w:jc w:val="right"/>
      <w:textAlignment w:val="top"/>
    </w:pPr>
    <w:rPr>
      <w:rFonts w:ascii="Times New Roman" w:eastAsia="Times New Roman" w:hAnsi="Times New Roman" w:cs="Times New Roman"/>
      <w:b/>
      <w:bCs/>
      <w:color w:val="FFFFFF"/>
      <w:kern w:val="0"/>
      <w:sz w:val="14"/>
      <w:szCs w:val="14"/>
      <w:lang w:eastAsia="nl-NL"/>
      <w14:ligatures w14:val="none"/>
    </w:rPr>
  </w:style>
  <w:style w:type="paragraph" w:customStyle="1" w:styleId="xl75">
    <w:name w:val="xl75"/>
    <w:basedOn w:val="Standaard"/>
    <w:rsid w:val="00C514E0"/>
    <w:pPr>
      <w:pBdr>
        <w:top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76">
    <w:name w:val="xl76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hd w:val="clear" w:color="000000" w:fill="FFFF00"/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77">
    <w:name w:val="xl77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hd w:val="clear" w:color="000000" w:fill="FFFF00"/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78">
    <w:name w:val="xl78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hd w:val="clear" w:color="000000" w:fill="FFFF00"/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79">
    <w:name w:val="xl79"/>
    <w:basedOn w:val="Standaard"/>
    <w:rsid w:val="00C514E0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FFFF00"/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80">
    <w:name w:val="xl80"/>
    <w:basedOn w:val="Standaard"/>
    <w:rsid w:val="00C514E0"/>
    <w:pPr>
      <w:pBdr>
        <w:top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b/>
      <w:bCs/>
      <w:color w:val="auto"/>
      <w:kern w:val="0"/>
      <w:sz w:val="14"/>
      <w:szCs w:val="14"/>
      <w:lang w:eastAsia="nl-NL"/>
      <w14:ligatures w14:val="none"/>
    </w:rPr>
  </w:style>
  <w:style w:type="paragraph" w:customStyle="1" w:styleId="xl81">
    <w:name w:val="xl81"/>
    <w:basedOn w:val="Standaard"/>
    <w:rsid w:val="00C514E0"/>
    <w:pPr>
      <w:pBdr>
        <w:top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jc w:val="right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82">
    <w:name w:val="xl82"/>
    <w:basedOn w:val="Standaard"/>
    <w:rsid w:val="00C514E0"/>
    <w:pPr>
      <w:pBdr>
        <w:top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83">
    <w:name w:val="xl83"/>
    <w:basedOn w:val="Standaard"/>
    <w:rsid w:val="00C514E0"/>
    <w:pPr>
      <w:spacing w:before="100" w:beforeAutospacing="1" w:after="100" w:afterAutospacing="1"/>
      <w:jc w:val="right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  <w:style w:type="paragraph" w:customStyle="1" w:styleId="xl84">
    <w:name w:val="xl84"/>
    <w:basedOn w:val="Standaard"/>
    <w:rsid w:val="00C514E0"/>
    <w:pPr>
      <w:pBdr>
        <w:top w:val="single" w:sz="4" w:space="0" w:color="auto"/>
        <w:bottom w:val="single" w:sz="4" w:space="0" w:color="auto"/>
        <w:right w:val="single" w:sz="4" w:space="0" w:color="auto"/>
      </w:pBdr>
      <w:shd w:val="clear" w:color="000000" w:fill="FFFF00"/>
      <w:spacing w:before="100" w:beforeAutospacing="1" w:after="100" w:afterAutospacing="1"/>
      <w:jc w:val="right"/>
      <w:textAlignment w:val="top"/>
    </w:pPr>
    <w:rPr>
      <w:rFonts w:ascii="Times New Roman" w:eastAsia="Times New Roman" w:hAnsi="Times New Roman" w:cs="Times New Roman"/>
      <w:color w:val="auto"/>
      <w:kern w:val="0"/>
      <w:sz w:val="14"/>
      <w:szCs w:val="14"/>
      <w:lang w:eastAsia="nl-NL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08800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1004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6057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5796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7168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73414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0904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98406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055672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84285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02474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30112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57664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20346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38044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14474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34147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10741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24769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70454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88285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88721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5978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17572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32132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2674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67278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77430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74435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82722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63573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56716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61996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24207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65764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40988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52326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8410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5348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2038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2476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92206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95129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77076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66125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66160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9810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51061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53715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31907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51556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61195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72414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57141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50079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82142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69211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1885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ntTable" Target="fontTable.xml"/><Relationship Id="rId5" Type="http://schemas.openxmlformats.org/officeDocument/2006/relationships/customXml" Target="../customXml/item5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atriciaW\AppData\Local\Temp\Templafy\WordVsto\tlg3breu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99a9c1a3-53d6-440e-b10f-052f94ad7d2c" xsi:nil="true"/>
    <lcf76f155ced4ddcb4097134ff3c332f xmlns="1afb412c-087a-47a9-b777-36dd055cbc61">
      <Terms xmlns="http://schemas.microsoft.com/office/infopath/2007/PartnerControls"/>
    </lcf76f155ced4ddcb4097134ff3c332f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4703A94351641479FE887F47D9F37AA" ma:contentTypeVersion="15" ma:contentTypeDescription="Een nieuw document maken." ma:contentTypeScope="" ma:versionID="866ee25ab0da03237fb627a0d038b6e6">
  <xsd:schema xmlns:xsd="http://www.w3.org/2001/XMLSchema" xmlns:xs="http://www.w3.org/2001/XMLSchema" xmlns:p="http://schemas.microsoft.com/office/2006/metadata/properties" xmlns:ns2="1afb412c-087a-47a9-b777-36dd055cbc61" xmlns:ns3="99a9c1a3-53d6-440e-b10f-052f94ad7d2c" targetNamespace="http://schemas.microsoft.com/office/2006/metadata/properties" ma:root="true" ma:fieldsID="c8941c0751d18e9211b4d388d8a70777" ns2:_="" ns3:_="">
    <xsd:import namespace="1afb412c-087a-47a9-b777-36dd055cbc61"/>
    <xsd:import namespace="99a9c1a3-53d6-440e-b10f-052f94ad7d2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2:MediaServiceLocatio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afb412c-087a-47a9-b777-36dd055cbc6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5" nillable="true" ma:taxonomy="true" ma:internalName="lcf76f155ced4ddcb4097134ff3c332f" ma:taxonomyFieldName="MediaServiceImageTags" ma:displayName="Afbeeldingtags" ma:readOnly="false" ma:fieldId="{5cf76f15-5ced-4ddc-b409-7134ff3c332f}" ma:taxonomyMulti="true" ma:sspId="3af13432-8453-4b2c-bba2-7f692be7e38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Location" ma:index="21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9a9c1a3-53d6-440e-b10f-052f94ad7d2c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949a5615-8f4d-4a55-83df-572fb5c2709f}" ma:internalName="TaxCatchAll" ma:showField="CatchAllData" ma:web="99a9c1a3-53d6-440e-b10f-052f94ad7d2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],"transformationConfigurations":[],"templateName":"blanco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68C0DF2-1E20-49A9-8BF5-1E4DFA1E6DFA}">
  <ds:schemaRefs/>
</ds:datastoreItem>
</file>

<file path=customXml/itemProps2.xml><?xml version="1.0" encoding="utf-8"?>
<ds:datastoreItem xmlns:ds="http://schemas.openxmlformats.org/officeDocument/2006/customXml" ds:itemID="{FDF585F7-AAA3-460F-8A66-84B9532D2EDC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AA05392-4396-4877-BA18-59B7F0CDCAB0}">
  <ds:schemaRefs>
    <ds:schemaRef ds:uri="http://schemas.microsoft.com/office/2006/metadata/properties"/>
    <ds:schemaRef ds:uri="http://schemas.microsoft.com/office/infopath/2007/PartnerControls"/>
    <ds:schemaRef ds:uri="99a9c1a3-53d6-440e-b10f-052f94ad7d2c"/>
    <ds:schemaRef ds:uri="1afb412c-087a-47a9-b777-36dd055cbc61"/>
  </ds:schemaRefs>
</ds:datastoreItem>
</file>

<file path=customXml/itemProps4.xml><?xml version="1.0" encoding="utf-8"?>
<ds:datastoreItem xmlns:ds="http://schemas.openxmlformats.org/officeDocument/2006/customXml" ds:itemID="{5F5AFDC5-0A47-4214-A386-B64D7064635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afb412c-087a-47a9-b777-36dd055cbc61"/>
    <ds:schemaRef ds:uri="99a9c1a3-53d6-440e-b10f-052f94ad7d2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95A3B8DA-5EB8-4348-BA3C-C05CE6F05EF7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63F391DF-4183-4EB5-9822-F97A3D2502C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lg3breu.dotx</Template>
  <TotalTime>132</TotalTime>
  <Pages>16</Pages>
  <Words>13378</Words>
  <Characters>73580</Characters>
  <Application>Microsoft Office Word</Application>
  <DocSecurity>0</DocSecurity>
  <Lines>613</Lines>
  <Paragraphs>17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Subsidieregister eerst helft 2024</vt:lpstr>
    </vt:vector>
  </TitlesOfParts>
  <Company/>
  <LinksUpToDate>false</LinksUpToDate>
  <CharactersWithSpaces>867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ubsidieregister 2024</dc:title>
  <dc:subject/>
  <dc:creator>Wilson, Patricia</dc:creator>
  <cp:keywords/>
  <dc:description/>
  <cp:lastModifiedBy>Bevers, Marielle</cp:lastModifiedBy>
  <cp:revision>78</cp:revision>
  <cp:lastPrinted>2024-12-19T22:26:00Z</cp:lastPrinted>
  <dcterms:created xsi:type="dcterms:W3CDTF">2024-12-06T00:20:00Z</dcterms:created>
  <dcterms:modified xsi:type="dcterms:W3CDTF">2025-07-28T06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09b38bc-0ed8-48ce-ab09-5250aa17f0d6_Enabled">
    <vt:lpwstr>true</vt:lpwstr>
  </property>
  <property fmtid="{D5CDD505-2E9C-101B-9397-08002B2CF9AE}" pid="3" name="MSIP_Label_809b38bc-0ed8-48ce-ab09-5250aa17f0d6_SetDate">
    <vt:lpwstr>2024-07-09T08:01:57Z</vt:lpwstr>
  </property>
  <property fmtid="{D5CDD505-2E9C-101B-9397-08002B2CF9AE}" pid="4" name="MSIP_Label_809b38bc-0ed8-48ce-ab09-5250aa17f0d6_Method">
    <vt:lpwstr>Standard</vt:lpwstr>
  </property>
  <property fmtid="{D5CDD505-2E9C-101B-9397-08002B2CF9AE}" pid="5" name="MSIP_Label_809b38bc-0ed8-48ce-ab09-5250aa17f0d6_Name">
    <vt:lpwstr>Public</vt:lpwstr>
  </property>
  <property fmtid="{D5CDD505-2E9C-101B-9397-08002B2CF9AE}" pid="6" name="MSIP_Label_809b38bc-0ed8-48ce-ab09-5250aa17f0d6_SiteId">
    <vt:lpwstr>7f263ce8-b129-4c08-b21c-36d0ebea0d03</vt:lpwstr>
  </property>
  <property fmtid="{D5CDD505-2E9C-101B-9397-08002B2CF9AE}" pid="7" name="MSIP_Label_809b38bc-0ed8-48ce-ab09-5250aa17f0d6_ActionId">
    <vt:lpwstr>5e1ff149-8fee-486f-ae34-f0917ebf7bf9</vt:lpwstr>
  </property>
  <property fmtid="{D5CDD505-2E9C-101B-9397-08002B2CF9AE}" pid="8" name="MSIP_Label_809b38bc-0ed8-48ce-ab09-5250aa17f0d6_ContentBits">
    <vt:lpwstr>0</vt:lpwstr>
  </property>
  <property fmtid="{D5CDD505-2E9C-101B-9397-08002B2CF9AE}" pid="9" name="TemplafyTenantId">
    <vt:lpwstr>helmond</vt:lpwstr>
  </property>
  <property fmtid="{D5CDD505-2E9C-101B-9397-08002B2CF9AE}" pid="10" name="TemplafyTemplateId">
    <vt:lpwstr>981390450238685188</vt:lpwstr>
  </property>
  <property fmtid="{D5CDD505-2E9C-101B-9397-08002B2CF9AE}" pid="11" name="TemplafyUserProfileId">
    <vt:lpwstr>638095453230081434</vt:lpwstr>
  </property>
  <property fmtid="{D5CDD505-2E9C-101B-9397-08002B2CF9AE}" pid="12" name="TemplafyLanguageCode">
    <vt:lpwstr>nl-NL</vt:lpwstr>
  </property>
  <property fmtid="{D5CDD505-2E9C-101B-9397-08002B2CF9AE}" pid="13" name="TemplafyFromBlank">
    <vt:bool>true</vt:bool>
  </property>
  <property fmtid="{D5CDD505-2E9C-101B-9397-08002B2CF9AE}" pid="14" name="ContentTypeId">
    <vt:lpwstr>0x010100E4703A94351641479FE887F47D9F37AA</vt:lpwstr>
  </property>
  <property fmtid="{D5CDD505-2E9C-101B-9397-08002B2CF9AE}" pid="15" name="MediaServiceImageTags">
    <vt:lpwstr/>
  </property>
</Properties>
</file>